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3_入選G\01 入選\11 入学者選抜に係る記者発表資料\R6（令和７年度入選）\記者発表資料\02_R7入選発表資料\08_R7.03.05 共通二次【志願者数】\05_HP用\"/>
    </mc:Choice>
  </mc:AlternateContent>
  <bookViews>
    <workbookView xWindow="0" yWindow="0" windowWidth="28800" windowHeight="12300"/>
  </bookViews>
  <sheets>
    <sheet name="【別紙２】" sheetId="8" r:id="rId1"/>
  </sheets>
  <definedNames>
    <definedName name="_xlnm.Print_Area" localSheetId="0">【別紙２】!$A$1:$I$130</definedName>
  </definedNames>
  <calcPr calcId="162913"/>
</workbook>
</file>

<file path=xl/sharedStrings.xml><?xml version="1.0" encoding="utf-8"?>
<sst xmlns="http://schemas.openxmlformats.org/spreadsheetml/2006/main" count="271" uniqueCount="106">
  <si>
    <t>(1)</t>
    <phoneticPr fontId="19"/>
  </si>
  <si>
    <t>二次募集
募集人員
（Ａ）</t>
    <rPh sb="0" eb="4">
      <t>ニジボシュウ</t>
    </rPh>
    <rPh sb="5" eb="7">
      <t>ボシュウ</t>
    </rPh>
    <rPh sb="7" eb="9">
      <t>ジンイン</t>
    </rPh>
    <phoneticPr fontId="19"/>
  </si>
  <si>
    <t>計</t>
    <rPh sb="0" eb="1">
      <t>ケイ</t>
    </rPh>
    <phoneticPr fontId="19"/>
  </si>
  <si>
    <t xml:space="preserve"> 学 校 名</t>
    <rPh sb="1" eb="2">
      <t>ガク</t>
    </rPh>
    <rPh sb="3" eb="4">
      <t>コウ</t>
    </rPh>
    <rPh sb="5" eb="6">
      <t>ナ</t>
    </rPh>
    <phoneticPr fontId="19"/>
  </si>
  <si>
    <t xml:space="preserve"> 学 科 名</t>
    <rPh sb="1" eb="2">
      <t>ガク</t>
    </rPh>
    <rPh sb="3" eb="4">
      <t>カ</t>
    </rPh>
    <rPh sb="5" eb="6">
      <t>メイ</t>
    </rPh>
    <phoneticPr fontId="19"/>
  </si>
  <si>
    <t>　全日制の課程</t>
    <rPh sb="1" eb="4">
      <t>ゼンニチセイ</t>
    </rPh>
    <rPh sb="5" eb="7">
      <t>カテイ</t>
    </rPh>
    <phoneticPr fontId="19"/>
  </si>
  <si>
    <t>　定時制の課程</t>
    <rPh sb="1" eb="3">
      <t>テイジ</t>
    </rPh>
    <rPh sb="3" eb="4">
      <t>セイ</t>
    </rPh>
    <rPh sb="5" eb="7">
      <t>カテイ</t>
    </rPh>
    <phoneticPr fontId="19"/>
  </si>
  <si>
    <t>ア　普通科</t>
    <rPh sb="2" eb="4">
      <t>フツウ</t>
    </rPh>
    <rPh sb="4" eb="5">
      <t>カ</t>
    </rPh>
    <phoneticPr fontId="19"/>
  </si>
  <si>
    <t>イ　普通科クリエイティブスクール</t>
    <rPh sb="2" eb="4">
      <t>フツウ</t>
    </rPh>
    <rPh sb="4" eb="5">
      <t>カ</t>
    </rPh>
    <phoneticPr fontId="19"/>
  </si>
  <si>
    <t>ウ　専門学科</t>
    <rPh sb="2" eb="4">
      <t>センモン</t>
    </rPh>
    <rPh sb="4" eb="6">
      <t>ガッカ</t>
    </rPh>
    <phoneticPr fontId="19"/>
  </si>
  <si>
    <t>(2)</t>
    <phoneticPr fontId="19"/>
  </si>
  <si>
    <t>エ　単位制普通科</t>
    <rPh sb="2" eb="5">
      <t>タンイセイ</t>
    </rPh>
    <rPh sb="5" eb="8">
      <t>フツウカ</t>
    </rPh>
    <phoneticPr fontId="19"/>
  </si>
  <si>
    <t>イ　単位制普通科</t>
    <rPh sb="2" eb="5">
      <t>タンイセイ</t>
    </rPh>
    <rPh sb="5" eb="7">
      <t>フツウ</t>
    </rPh>
    <phoneticPr fontId="19"/>
  </si>
  <si>
    <t>ウ　単位制総合学科</t>
    <rPh sb="2" eb="5">
      <t>タンイセイ</t>
    </rPh>
    <rPh sb="5" eb="7">
      <t>ソウゴウ</t>
    </rPh>
    <rPh sb="7" eb="9">
      <t>ガッカ</t>
    </rPh>
    <phoneticPr fontId="19"/>
  </si>
  <si>
    <t xml:space="preserve"> 学 科・部 名</t>
    <rPh sb="1" eb="2">
      <t>ガク</t>
    </rPh>
    <rPh sb="3" eb="4">
      <t>カ</t>
    </rPh>
    <rPh sb="5" eb="6">
      <t>ブ</t>
    </rPh>
    <rPh sb="7" eb="8">
      <t>メイ</t>
    </rPh>
    <phoneticPr fontId="19"/>
  </si>
  <si>
    <t xml:space="preserve"> 学 科・部 名</t>
    <rPh sb="1" eb="2">
      <t>ガク</t>
    </rPh>
    <rPh sb="3" eb="4">
      <t>カ</t>
    </rPh>
    <rPh sb="5" eb="6">
      <t>ブ</t>
    </rPh>
    <rPh sb="7" eb="8">
      <t>ナ</t>
    </rPh>
    <phoneticPr fontId="19"/>
  </si>
  <si>
    <t>オ　単位制普通科専門コース</t>
    <rPh sb="2" eb="5">
      <t>タンイセイ</t>
    </rPh>
    <rPh sb="5" eb="8">
      <t>フツウカ</t>
    </rPh>
    <rPh sb="8" eb="10">
      <t>センモン</t>
    </rPh>
    <phoneticPr fontId="19"/>
  </si>
  <si>
    <t>カ　単位制総合学科</t>
    <rPh sb="2" eb="5">
      <t>タンイセイ</t>
    </rPh>
    <rPh sb="5" eb="7">
      <t>ソウゴウ</t>
    </rPh>
    <rPh sb="7" eb="9">
      <t>ガッカ</t>
    </rPh>
    <phoneticPr fontId="19"/>
  </si>
  <si>
    <t>キ　単位制専門学科</t>
    <rPh sb="2" eb="5">
      <t>タンイセイ</t>
    </rPh>
    <rPh sb="5" eb="7">
      <t>センモン</t>
    </rPh>
    <rPh sb="7" eb="9">
      <t>ガッカ</t>
    </rPh>
    <phoneticPr fontId="19"/>
  </si>
  <si>
    <t>該当校なし</t>
    <rPh sb="0" eb="2">
      <t>ガイトウ</t>
    </rPh>
    <rPh sb="2" eb="3">
      <t>コウ</t>
    </rPh>
    <phoneticPr fontId="19"/>
  </si>
  <si>
    <t>２　インクルーシブ教育実践推進校特別募集</t>
    <phoneticPr fontId="19"/>
  </si>
  <si>
    <t>２月28日以降
共通選抜
入学辞退者数</t>
    <rPh sb="1" eb="2">
      <t>ガツ</t>
    </rPh>
    <rPh sb="4" eb="5">
      <t>ニチ</t>
    </rPh>
    <rPh sb="5" eb="7">
      <t>イコウ</t>
    </rPh>
    <rPh sb="8" eb="10">
      <t>キョウツウ</t>
    </rPh>
    <rPh sb="10" eb="12">
      <t>センバツ</t>
    </rPh>
    <rPh sb="13" eb="15">
      <t>ニュウガク</t>
    </rPh>
    <rPh sb="15" eb="17">
      <t>ジタイ</t>
    </rPh>
    <rPh sb="17" eb="18">
      <t>シャ</t>
    </rPh>
    <rPh sb="18" eb="19">
      <t>スウ</t>
    </rPh>
    <phoneticPr fontId="19"/>
  </si>
  <si>
    <t>県立田奈</t>
  </si>
  <si>
    <t>県立釜利谷</t>
  </si>
  <si>
    <t>県立磯子工業</t>
  </si>
  <si>
    <t>県立向の岡工業</t>
  </si>
  <si>
    <t>県立横須賀工業</t>
  </si>
  <si>
    <t>県立平塚工科</t>
  </si>
  <si>
    <t>県立藤沢工科</t>
  </si>
  <si>
    <t>県立小田原城北工業</t>
  </si>
  <si>
    <t>県立海洋科学</t>
  </si>
  <si>
    <t>県立麻生総合</t>
  </si>
  <si>
    <t>機械科</t>
  </si>
  <si>
    <t>電気科</t>
  </si>
  <si>
    <t>建設科</t>
  </si>
  <si>
    <t>化学科</t>
  </si>
  <si>
    <t>総合技術科</t>
  </si>
  <si>
    <t>畜産科学科</t>
  </si>
  <si>
    <t>福祉科</t>
  </si>
  <si>
    <t>川崎市立川崎</t>
  </si>
  <si>
    <t>普通科昼間部</t>
  </si>
  <si>
    <t>横浜市立横浜総合</t>
  </si>
  <si>
    <t>単位制総合学科Ⅲ部</t>
  </si>
  <si>
    <t>※　競争率は「志願者数／募集人員」で表していますが、２月28日以降の入学辞退がある場合は、その数を含めて合格者を決定します。</t>
    <phoneticPr fontId="19"/>
  </si>
  <si>
    <t>普通科</t>
  </si>
  <si>
    <t>単位制普通科</t>
  </si>
  <si>
    <t>総合ビジネス科</t>
  </si>
  <si>
    <t>水産食品科</t>
  </si>
  <si>
    <t>単位制普通科午前部</t>
  </si>
  <si>
    <t>単位制普通科午後部</t>
  </si>
  <si>
    <t>1　一般募集共通選抜</t>
    <phoneticPr fontId="19"/>
  </si>
  <si>
    <t>県立城郷</t>
  </si>
  <si>
    <t>県立霧が丘</t>
  </si>
  <si>
    <t>県立白山</t>
  </si>
  <si>
    <t>県立保土ケ谷</t>
  </si>
  <si>
    <t>県立上矢部</t>
  </si>
  <si>
    <t>県立横浜南陵</t>
  </si>
  <si>
    <t>県立川崎北</t>
  </si>
  <si>
    <t>県立菅</t>
  </si>
  <si>
    <t>県立麻生</t>
  </si>
  <si>
    <t>県立津久井浜</t>
  </si>
  <si>
    <t>県立茅ケ崎</t>
  </si>
  <si>
    <t>県立寒川</t>
  </si>
  <si>
    <t>県立二宮</t>
  </si>
  <si>
    <t>県立秦野曽屋</t>
  </si>
  <si>
    <t>県立伊勢原</t>
  </si>
  <si>
    <t>県立小田原東</t>
  </si>
  <si>
    <t>県立足柄</t>
  </si>
  <si>
    <t>県立山北</t>
  </si>
  <si>
    <t>県立厚木西</t>
  </si>
  <si>
    <t>県立愛川</t>
  </si>
  <si>
    <t>県立綾瀬</t>
  </si>
  <si>
    <t>県立綾瀬西</t>
  </si>
  <si>
    <t>県立上鶴間</t>
  </si>
  <si>
    <t>県立橋本</t>
  </si>
  <si>
    <t>県立相模田名</t>
  </si>
  <si>
    <t>県立津久井</t>
  </si>
  <si>
    <t>県立横須賀南</t>
  </si>
  <si>
    <t>県立大井</t>
  </si>
  <si>
    <t>県立平塚農商</t>
  </si>
  <si>
    <t>県立相原</t>
  </si>
  <si>
    <t>デザイン科</t>
  </si>
  <si>
    <t>県立川崎工科</t>
  </si>
  <si>
    <t>県立横浜桜陽</t>
  </si>
  <si>
    <t>県立大師</t>
  </si>
  <si>
    <t>県立三浦初声</t>
  </si>
  <si>
    <t>県立平塚湘風</t>
  </si>
  <si>
    <t>県立厚木清南</t>
  </si>
  <si>
    <t>単位制総合学科</t>
  </si>
  <si>
    <t>県立秦野総合</t>
  </si>
  <si>
    <t>単位制都市農業科</t>
  </si>
  <si>
    <t>県立吉田島</t>
  </si>
  <si>
    <t>単位制食品加工科</t>
  </si>
  <si>
    <t>単位制環境緑地科</t>
  </si>
  <si>
    <t>単位制生活科学科</t>
  </si>
  <si>
    <t>県立横浜明朋</t>
  </si>
  <si>
    <t>県立相模向陽館</t>
  </si>
  <si>
    <t>川崎市立川崎総合科学</t>
  </si>
  <si>
    <t>科学科</t>
  </si>
  <si>
    <t>令和７年度神奈川県公立高等学校入学者選抜一般募集共通選抜及びインクルーシブ
教育実践推進校特別募集二次募集志願締切時志願状況
（各学校、学科別の志願の状況）</t>
    <rPh sb="28" eb="29">
      <t>オヨ</t>
    </rPh>
    <rPh sb="38" eb="40">
      <t>キョウイク</t>
    </rPh>
    <rPh sb="40" eb="41">
      <t>ジツ</t>
    </rPh>
    <rPh sb="41" eb="42">
      <t>セン</t>
    </rPh>
    <rPh sb="42" eb="44">
      <t>スイシン</t>
    </rPh>
    <rPh sb="44" eb="45">
      <t>コウ</t>
    </rPh>
    <rPh sb="45" eb="47">
      <t>トクベツ</t>
    </rPh>
    <rPh sb="47" eb="49">
      <t>ボシュウ</t>
    </rPh>
    <rPh sb="49" eb="51">
      <t>ニジ</t>
    </rPh>
    <phoneticPr fontId="19"/>
  </si>
  <si>
    <t>３月５日
志願者数
（Ｂ）</t>
    <rPh sb="1" eb="2">
      <t>ガツ</t>
    </rPh>
    <rPh sb="3" eb="4">
      <t>ニチ</t>
    </rPh>
    <rPh sb="5" eb="8">
      <t>シガンシャ</t>
    </rPh>
    <rPh sb="8" eb="9">
      <t>スウ</t>
    </rPh>
    <phoneticPr fontId="19"/>
  </si>
  <si>
    <t>３月５日
競争率
（Ｂ／Ａ）</t>
    <rPh sb="1" eb="2">
      <t>ツキ</t>
    </rPh>
    <rPh sb="3" eb="4">
      <t>ニチ</t>
    </rPh>
    <rPh sb="5" eb="8">
      <t>キョウソウリツ</t>
    </rPh>
    <phoneticPr fontId="19"/>
  </si>
  <si>
    <t>県立二俣川看護福祉※</t>
  </si>
  <si>
    <t>普通科クリエイティブスクール</t>
  </si>
  <si>
    <t>※県立二俣川看護福祉高等学校は、令和７年４月１日に校名を県立二俣川高等学校と変更します。</t>
    <phoneticPr fontId="19"/>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0_ "/>
    <numFmt numFmtId="177" formatCode="0_ "/>
    <numFmt numFmtId="178" formatCode="0_);[Red]\(0\)"/>
    <numFmt numFmtId="179" formatCode="0.00_);[Red]\(0.00\)"/>
  </numFmts>
  <fonts count="26" x14ac:knownFonts="1">
    <font>
      <sz val="11"/>
      <name val="ＭＳ Ｐゴシック"/>
      <family val="3"/>
      <charset val="128"/>
    </font>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6"/>
      <name val="ＭＳ Ｐゴシック"/>
      <family val="3"/>
      <charset val="128"/>
    </font>
    <font>
      <sz val="11"/>
      <name val="ＭＳ 明朝"/>
      <family val="1"/>
      <charset val="128"/>
    </font>
    <font>
      <sz val="11"/>
      <color theme="1"/>
      <name val="ＭＳ Ｐ明朝"/>
      <family val="1"/>
      <charset val="128"/>
    </font>
    <font>
      <b/>
      <sz val="11"/>
      <color theme="1"/>
      <name val="ＭＳ Ｐ明朝"/>
      <family val="1"/>
      <charset val="128"/>
    </font>
    <font>
      <sz val="10"/>
      <color theme="1"/>
      <name val="ＭＳ Ｐ明朝"/>
      <family val="1"/>
      <charset val="128"/>
    </font>
    <font>
      <sz val="9"/>
      <color theme="1"/>
      <name val="ＭＳ Ｐ明朝"/>
      <family val="1"/>
      <charset val="128"/>
    </font>
    <font>
      <sz val="12.5"/>
      <color theme="1"/>
      <name val="ＭＳ Ｐ明朝"/>
      <family val="1"/>
      <charset val="128"/>
    </font>
  </fonts>
  <fills count="24">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s>
  <borders count="38">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hair">
        <color indexed="64"/>
      </top>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bottom/>
      <diagonal/>
    </border>
    <border>
      <left style="thin">
        <color indexed="64"/>
      </left>
      <right/>
      <top style="hair">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thin">
        <color indexed="64"/>
      </bottom>
      <diagonal/>
    </border>
    <border>
      <left/>
      <right/>
      <top style="hair">
        <color indexed="64"/>
      </top>
      <bottom/>
      <diagonal/>
    </border>
    <border>
      <left style="thin">
        <color indexed="64"/>
      </left>
      <right style="thin">
        <color indexed="64"/>
      </right>
      <top style="hair">
        <color indexed="64"/>
      </top>
      <bottom/>
      <diagonal/>
    </border>
    <border>
      <left style="thin">
        <color indexed="64"/>
      </left>
      <right/>
      <top style="thin">
        <color indexed="64"/>
      </top>
      <bottom/>
      <diagonal/>
    </border>
    <border>
      <left/>
      <right/>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43">
    <xf numFmtId="0" fontId="0" fillId="0" borderId="0"/>
    <xf numFmtId="0" fontId="2" fillId="2" borderId="0" applyNumberFormat="0" applyBorder="0" applyAlignment="0" applyProtection="0">
      <alignment vertical="center"/>
    </xf>
    <xf numFmtId="0" fontId="2" fillId="3" borderId="0" applyNumberFormat="0" applyBorder="0" applyAlignment="0" applyProtection="0">
      <alignment vertical="center"/>
    </xf>
    <xf numFmtId="0" fontId="2" fillId="4" borderId="0" applyNumberFormat="0" applyBorder="0" applyAlignment="0" applyProtection="0">
      <alignment vertical="center"/>
    </xf>
    <xf numFmtId="0" fontId="2" fillId="5" borderId="0" applyNumberFormat="0" applyBorder="0" applyAlignment="0" applyProtection="0">
      <alignment vertical="center"/>
    </xf>
    <xf numFmtId="0" fontId="2" fillId="6" borderId="0" applyNumberFormat="0" applyBorder="0" applyAlignment="0" applyProtection="0">
      <alignment vertical="center"/>
    </xf>
    <xf numFmtId="0" fontId="2" fillId="7" borderId="0" applyNumberFormat="0" applyBorder="0" applyAlignment="0" applyProtection="0">
      <alignment vertical="center"/>
    </xf>
    <xf numFmtId="0" fontId="2" fillId="8"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5" borderId="0" applyNumberFormat="0" applyBorder="0" applyAlignment="0" applyProtection="0">
      <alignment vertical="center"/>
    </xf>
    <xf numFmtId="0" fontId="2" fillId="8" borderId="0" applyNumberFormat="0" applyBorder="0" applyAlignment="0" applyProtection="0">
      <alignment vertical="center"/>
    </xf>
    <xf numFmtId="0" fontId="2" fillId="11" borderId="0" applyNumberFormat="0" applyBorder="0" applyAlignment="0" applyProtection="0">
      <alignment vertical="center"/>
    </xf>
    <xf numFmtId="0" fontId="3" fillId="12"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5" borderId="0" applyNumberFormat="0" applyBorder="0" applyAlignment="0" applyProtection="0">
      <alignment vertical="center"/>
    </xf>
    <xf numFmtId="0" fontId="3" fillId="16" borderId="0" applyNumberFormat="0" applyBorder="0" applyAlignment="0" applyProtection="0">
      <alignment vertical="center"/>
    </xf>
    <xf numFmtId="0" fontId="3" fillId="17" borderId="0" applyNumberFormat="0" applyBorder="0" applyAlignment="0" applyProtection="0">
      <alignment vertical="center"/>
    </xf>
    <xf numFmtId="0" fontId="3" fillId="18"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9" borderId="0" applyNumberFormat="0" applyBorder="0" applyAlignment="0" applyProtection="0">
      <alignment vertical="center"/>
    </xf>
    <xf numFmtId="0" fontId="4" fillId="0" borderId="0" applyNumberFormat="0" applyFill="0" applyBorder="0" applyAlignment="0" applyProtection="0">
      <alignment vertical="center"/>
    </xf>
    <xf numFmtId="0" fontId="5" fillId="20" borderId="1" applyNumberFormat="0" applyAlignment="0" applyProtection="0">
      <alignment vertical="center"/>
    </xf>
    <xf numFmtId="0" fontId="6" fillId="21" borderId="0" applyNumberFormat="0" applyBorder="0" applyAlignment="0" applyProtection="0">
      <alignment vertical="center"/>
    </xf>
    <xf numFmtId="0" fontId="1" fillId="22" borderId="2" applyNumberFormat="0" applyFont="0" applyAlignment="0" applyProtection="0">
      <alignment vertical="center"/>
    </xf>
    <xf numFmtId="0" fontId="7" fillId="0" borderId="3" applyNumberFormat="0" applyFill="0" applyAlignment="0" applyProtection="0">
      <alignment vertical="center"/>
    </xf>
    <xf numFmtId="0" fontId="8" fillId="3" borderId="0" applyNumberFormat="0" applyBorder="0" applyAlignment="0" applyProtection="0">
      <alignment vertical="center"/>
    </xf>
    <xf numFmtId="0" fontId="9" fillId="23" borderId="4" applyNumberFormat="0" applyAlignment="0" applyProtection="0">
      <alignment vertical="center"/>
    </xf>
    <xf numFmtId="0" fontId="10" fillId="0" borderId="0" applyNumberFormat="0" applyFill="0" applyBorder="0" applyAlignment="0" applyProtection="0">
      <alignment vertical="center"/>
    </xf>
    <xf numFmtId="0" fontId="11" fillId="0" borderId="5" applyNumberFormat="0" applyFill="0" applyAlignment="0" applyProtection="0">
      <alignment vertical="center"/>
    </xf>
    <xf numFmtId="0" fontId="12" fillId="0" borderId="6" applyNumberFormat="0" applyFill="0" applyAlignment="0" applyProtection="0">
      <alignment vertical="center"/>
    </xf>
    <xf numFmtId="0" fontId="13" fillId="0" borderId="7" applyNumberFormat="0" applyFill="0" applyAlignment="0" applyProtection="0">
      <alignment vertical="center"/>
    </xf>
    <xf numFmtId="0" fontId="13" fillId="0" borderId="0" applyNumberFormat="0" applyFill="0" applyBorder="0" applyAlignment="0" applyProtection="0">
      <alignment vertical="center"/>
    </xf>
    <xf numFmtId="0" fontId="14" fillId="0" borderId="8" applyNumberFormat="0" applyFill="0" applyAlignment="0" applyProtection="0">
      <alignment vertical="center"/>
    </xf>
    <xf numFmtId="0" fontId="15" fillId="23" borderId="9" applyNumberFormat="0" applyAlignment="0" applyProtection="0">
      <alignment vertical="center"/>
    </xf>
    <xf numFmtId="0" fontId="16" fillId="0" borderId="0" applyNumberFormat="0" applyFill="0" applyBorder="0" applyAlignment="0" applyProtection="0">
      <alignment vertical="center"/>
    </xf>
    <xf numFmtId="0" fontId="17" fillId="7" borderId="4" applyNumberFormat="0" applyAlignment="0" applyProtection="0">
      <alignment vertical="center"/>
    </xf>
    <xf numFmtId="0" fontId="18" fillId="4" borderId="0" applyNumberFormat="0" applyBorder="0" applyAlignment="0" applyProtection="0">
      <alignment vertical="center"/>
    </xf>
    <xf numFmtId="0" fontId="20" fillId="0" borderId="0"/>
  </cellStyleXfs>
  <cellXfs count="86">
    <xf numFmtId="0" fontId="0" fillId="0" borderId="0" xfId="0"/>
    <xf numFmtId="0" fontId="21" fillId="0" borderId="0" xfId="0" applyFont="1" applyFill="1" applyAlignment="1">
      <alignment vertical="center"/>
    </xf>
    <xf numFmtId="0" fontId="21" fillId="0" borderId="0" xfId="0" quotePrefix="1" applyFont="1" applyFill="1" applyAlignment="1">
      <alignment vertical="center"/>
    </xf>
    <xf numFmtId="0" fontId="21" fillId="0" borderId="0" xfId="0" applyFont="1" applyFill="1" applyAlignment="1">
      <alignment horizontal="left" vertical="center"/>
    </xf>
    <xf numFmtId="0" fontId="21" fillId="0" borderId="0" xfId="0" applyFont="1" applyFill="1"/>
    <xf numFmtId="0" fontId="21" fillId="0" borderId="0" xfId="0" quotePrefix="1" applyFont="1" applyFill="1" applyAlignment="1">
      <alignment horizontal="center"/>
    </xf>
    <xf numFmtId="0" fontId="21" fillId="0" borderId="10" xfId="0" applyFont="1" applyFill="1" applyBorder="1" applyAlignment="1">
      <alignment vertical="center"/>
    </xf>
    <xf numFmtId="0" fontId="21" fillId="0" borderId="11" xfId="0" applyFont="1" applyFill="1" applyBorder="1" applyAlignment="1">
      <alignment vertical="center"/>
    </xf>
    <xf numFmtId="0" fontId="21" fillId="0" borderId="12" xfId="0" applyFont="1" applyFill="1" applyBorder="1" applyAlignment="1">
      <alignment vertical="center"/>
    </xf>
    <xf numFmtId="0" fontId="21" fillId="0" borderId="13" xfId="0" applyFont="1" applyFill="1" applyBorder="1" applyAlignment="1">
      <alignment horizontal="center" vertical="center" wrapText="1"/>
    </xf>
    <xf numFmtId="177" fontId="21" fillId="0" borderId="16" xfId="0" applyNumberFormat="1" applyFont="1" applyFill="1" applyBorder="1"/>
    <xf numFmtId="177" fontId="22" fillId="0" borderId="13" xfId="0" applyNumberFormat="1" applyFont="1" applyFill="1" applyBorder="1" applyAlignment="1">
      <alignment vertical="center"/>
    </xf>
    <xf numFmtId="0" fontId="21" fillId="0" borderId="0" xfId="0" applyFont="1" applyFill="1" applyBorder="1" applyAlignment="1"/>
    <xf numFmtId="177" fontId="21" fillId="0" borderId="0" xfId="0" applyNumberFormat="1" applyFont="1" applyFill="1" applyBorder="1" applyAlignment="1"/>
    <xf numFmtId="0" fontId="21" fillId="0" borderId="0" xfId="0" applyFont="1" applyFill="1" applyAlignment="1"/>
    <xf numFmtId="178" fontId="21" fillId="0" borderId="19" xfId="0" applyNumberFormat="1" applyFont="1" applyFill="1" applyBorder="1" applyAlignment="1">
      <alignment vertical="center"/>
    </xf>
    <xf numFmtId="0" fontId="21" fillId="0" borderId="0" xfId="0" applyFont="1" applyFill="1" applyBorder="1" applyAlignment="1">
      <alignment vertical="center"/>
    </xf>
    <xf numFmtId="178" fontId="21" fillId="0" borderId="16" xfId="0" applyNumberFormat="1" applyFont="1" applyFill="1" applyBorder="1" applyAlignment="1"/>
    <xf numFmtId="0" fontId="22" fillId="0" borderId="0" xfId="0" applyFont="1" applyFill="1" applyBorder="1" applyAlignment="1">
      <alignment horizontal="center"/>
    </xf>
    <xf numFmtId="177" fontId="21" fillId="0" borderId="0" xfId="0" applyNumberFormat="1" applyFont="1" applyFill="1" applyBorder="1"/>
    <xf numFmtId="177" fontId="21" fillId="0" borderId="19" xfId="0" applyNumberFormat="1" applyFont="1" applyFill="1" applyBorder="1"/>
    <xf numFmtId="177" fontId="22" fillId="0" borderId="24" xfId="0" applyNumberFormat="1" applyFont="1" applyFill="1" applyBorder="1" applyAlignment="1">
      <alignment vertical="center"/>
    </xf>
    <xf numFmtId="176" fontId="22" fillId="0" borderId="0" xfId="0" applyNumberFormat="1" applyFont="1" applyFill="1" applyBorder="1" applyAlignment="1">
      <alignment vertical="center"/>
    </xf>
    <xf numFmtId="0" fontId="22" fillId="0" borderId="0" xfId="0" applyFont="1" applyFill="1" applyBorder="1" applyAlignment="1">
      <alignment horizontal="center" vertical="center"/>
    </xf>
    <xf numFmtId="177" fontId="22" fillId="0" borderId="0" xfId="0" applyNumberFormat="1" applyFont="1" applyFill="1" applyBorder="1" applyAlignment="1">
      <alignment vertical="center"/>
    </xf>
    <xf numFmtId="177" fontId="21" fillId="0" borderId="16" xfId="0" applyNumberFormat="1" applyFont="1" applyFill="1" applyBorder="1" applyAlignment="1">
      <alignment vertical="center"/>
    </xf>
    <xf numFmtId="177" fontId="21" fillId="0" borderId="29" xfId="0" applyNumberFormat="1" applyFont="1" applyFill="1" applyBorder="1"/>
    <xf numFmtId="0" fontId="23" fillId="0" borderId="0" xfId="0" applyFont="1" applyFill="1" applyAlignment="1">
      <alignment vertical="center"/>
    </xf>
    <xf numFmtId="0" fontId="21" fillId="0" borderId="0" xfId="0" applyFont="1" applyFill="1" applyBorder="1" applyAlignment="1">
      <alignment horizontal="left" vertical="center"/>
    </xf>
    <xf numFmtId="177" fontId="21" fillId="0" borderId="20" xfId="0" applyNumberFormat="1" applyFont="1" applyFill="1" applyBorder="1" applyAlignment="1">
      <alignment vertical="center"/>
    </xf>
    <xf numFmtId="177" fontId="21" fillId="0" borderId="0" xfId="0" applyNumberFormat="1" applyFont="1" applyFill="1" applyBorder="1" applyAlignment="1">
      <alignment horizontal="right"/>
    </xf>
    <xf numFmtId="176" fontId="21" fillId="0" borderId="0" xfId="0" applyNumberFormat="1" applyFont="1" applyFill="1" applyBorder="1" applyAlignment="1"/>
    <xf numFmtId="0" fontId="21" fillId="0" borderId="0" xfId="0" quotePrefix="1" applyFont="1" applyFill="1" applyAlignment="1">
      <alignment horizontal="left" vertical="center"/>
    </xf>
    <xf numFmtId="178" fontId="21" fillId="0" borderId="16" xfId="0" applyNumberFormat="1" applyFont="1" applyFill="1" applyBorder="1" applyAlignment="1">
      <alignment vertical="center"/>
    </xf>
    <xf numFmtId="177" fontId="21" fillId="0" borderId="13" xfId="0" applyNumberFormat="1" applyFont="1" applyFill="1" applyBorder="1"/>
    <xf numFmtId="176" fontId="21" fillId="0" borderId="16" xfId="0" applyNumberFormat="1" applyFont="1" applyFill="1" applyBorder="1" applyAlignment="1">
      <alignment horizontal="right"/>
    </xf>
    <xf numFmtId="176" fontId="21" fillId="0" borderId="23" xfId="0" applyNumberFormat="1" applyFont="1" applyFill="1" applyBorder="1" applyAlignment="1">
      <alignment horizontal="right"/>
    </xf>
    <xf numFmtId="0" fontId="24" fillId="0" borderId="13" xfId="0" applyFont="1" applyFill="1" applyBorder="1" applyAlignment="1">
      <alignment horizontal="center" vertical="center" wrapText="1"/>
    </xf>
    <xf numFmtId="177" fontId="21" fillId="0" borderId="23" xfId="0" applyNumberFormat="1" applyFont="1" applyFill="1" applyBorder="1"/>
    <xf numFmtId="0" fontId="21" fillId="0" borderId="17" xfId="0" applyFont="1" applyFill="1" applyBorder="1" applyAlignment="1">
      <alignment vertical="center"/>
    </xf>
    <xf numFmtId="0" fontId="21" fillId="0" borderId="18" xfId="0" applyFont="1" applyFill="1" applyBorder="1" applyAlignment="1">
      <alignment vertical="center"/>
    </xf>
    <xf numFmtId="0" fontId="21" fillId="0" borderId="14" xfId="0" applyFont="1" applyFill="1" applyBorder="1" applyAlignment="1">
      <alignment vertical="center"/>
    </xf>
    <xf numFmtId="0" fontId="21" fillId="0" borderId="15" xfId="0" applyFont="1" applyFill="1" applyBorder="1" applyAlignment="1">
      <alignment vertical="center"/>
    </xf>
    <xf numFmtId="0" fontId="21" fillId="0" borderId="21" xfId="0" applyFont="1" applyFill="1" applyBorder="1" applyAlignment="1">
      <alignment vertical="center"/>
    </xf>
    <xf numFmtId="0" fontId="21" fillId="0" borderId="21" xfId="0" applyFont="1" applyFill="1" applyBorder="1" applyAlignment="1"/>
    <xf numFmtId="0" fontId="21" fillId="0" borderId="15" xfId="0" applyFont="1" applyFill="1" applyBorder="1" applyAlignment="1"/>
    <xf numFmtId="0" fontId="21" fillId="0" borderId="27" xfId="0" applyFont="1" applyFill="1" applyBorder="1" applyAlignment="1">
      <alignment vertical="center"/>
    </xf>
    <xf numFmtId="0" fontId="21" fillId="0" borderId="30" xfId="0" applyFont="1" applyFill="1" applyBorder="1" applyAlignment="1"/>
    <xf numFmtId="0" fontId="21" fillId="0" borderId="28" xfId="0" applyFont="1" applyFill="1" applyBorder="1" applyAlignment="1"/>
    <xf numFmtId="0" fontId="21" fillId="0" borderId="17" xfId="0" applyFont="1" applyFill="1" applyBorder="1" applyAlignment="1"/>
    <xf numFmtId="0" fontId="21" fillId="0" borderId="18" xfId="0" applyFont="1" applyFill="1" applyBorder="1" applyAlignment="1"/>
    <xf numFmtId="0" fontId="21" fillId="0" borderId="22" xfId="0" applyFont="1" applyFill="1" applyBorder="1" applyAlignment="1">
      <alignment shrinkToFit="1"/>
    </xf>
    <xf numFmtId="0" fontId="21" fillId="0" borderId="31" xfId="0" applyFont="1" applyFill="1" applyBorder="1" applyAlignment="1">
      <alignment shrinkToFit="1"/>
    </xf>
    <xf numFmtId="0" fontId="21" fillId="0" borderId="32" xfId="0" applyFont="1" applyFill="1" applyBorder="1" applyAlignment="1">
      <alignment vertical="center"/>
    </xf>
    <xf numFmtId="0" fontId="21" fillId="0" borderId="33" xfId="0" applyFont="1" applyFill="1" applyBorder="1" applyAlignment="1">
      <alignment horizontal="left"/>
    </xf>
    <xf numFmtId="0" fontId="21" fillId="0" borderId="34" xfId="0" applyFont="1" applyFill="1" applyBorder="1" applyAlignment="1">
      <alignment horizontal="left" shrinkToFit="1"/>
    </xf>
    <xf numFmtId="177" fontId="21" fillId="0" borderId="13" xfId="0" applyNumberFormat="1" applyFont="1" applyFill="1" applyBorder="1" applyAlignment="1">
      <alignment horizontal="right"/>
    </xf>
    <xf numFmtId="0" fontId="21" fillId="0" borderId="25" xfId="0" applyFont="1" applyFill="1" applyBorder="1" applyAlignment="1">
      <alignment vertical="center"/>
    </xf>
    <xf numFmtId="177" fontId="21" fillId="0" borderId="26" xfId="0" applyNumberFormat="1" applyFont="1" applyFill="1" applyBorder="1" applyAlignment="1">
      <alignment vertical="center"/>
    </xf>
    <xf numFmtId="0" fontId="21" fillId="0" borderId="33" xfId="0" applyFont="1" applyFill="1" applyBorder="1" applyAlignment="1">
      <alignment vertical="center"/>
    </xf>
    <xf numFmtId="177" fontId="21" fillId="0" borderId="23" xfId="0" applyNumberFormat="1" applyFont="1" applyFill="1" applyBorder="1" applyAlignment="1">
      <alignment vertical="center"/>
    </xf>
    <xf numFmtId="0" fontId="21" fillId="0" borderId="30" xfId="0" applyFont="1" applyFill="1" applyBorder="1" applyAlignment="1">
      <alignment vertical="center"/>
    </xf>
    <xf numFmtId="0" fontId="21" fillId="0" borderId="28" xfId="0" applyFont="1" applyFill="1" applyBorder="1" applyAlignment="1">
      <alignment vertical="center"/>
    </xf>
    <xf numFmtId="177" fontId="21" fillId="0" borderId="29" xfId="0" applyNumberFormat="1" applyFont="1" applyFill="1" applyBorder="1" applyAlignment="1">
      <alignment horizontal="right"/>
    </xf>
    <xf numFmtId="177" fontId="21" fillId="0" borderId="16" xfId="0" applyNumberFormat="1" applyFont="1" applyFill="1" applyBorder="1" applyAlignment="1">
      <alignment horizontal="right"/>
    </xf>
    <xf numFmtId="177" fontId="21" fillId="0" borderId="23" xfId="0" applyNumberFormat="1" applyFont="1" applyFill="1" applyBorder="1" applyAlignment="1">
      <alignment horizontal="right"/>
    </xf>
    <xf numFmtId="0" fontId="23" fillId="0" borderId="0" xfId="0" applyFont="1" applyFill="1" applyBorder="1" applyAlignment="1"/>
    <xf numFmtId="176" fontId="21" fillId="0" borderId="19" xfId="0" applyNumberFormat="1" applyFont="1" applyFill="1" applyBorder="1" applyAlignment="1">
      <alignment horizontal="right"/>
    </xf>
    <xf numFmtId="0" fontId="21" fillId="0" borderId="32" xfId="0" applyFont="1" applyFill="1" applyBorder="1" applyAlignment="1"/>
    <xf numFmtId="0" fontId="21" fillId="0" borderId="33" xfId="0" applyFont="1" applyFill="1" applyBorder="1" applyAlignment="1"/>
    <xf numFmtId="176" fontId="22" fillId="0" borderId="13" xfId="0" applyNumberFormat="1" applyFont="1" applyFill="1" applyBorder="1" applyAlignment="1">
      <alignment horizontal="right" vertical="center"/>
    </xf>
    <xf numFmtId="179" fontId="21" fillId="0" borderId="19" xfId="0" applyNumberFormat="1" applyFont="1" applyFill="1" applyBorder="1" applyAlignment="1">
      <alignment horizontal="right"/>
    </xf>
    <xf numFmtId="179" fontId="21" fillId="0" borderId="16" xfId="0" applyNumberFormat="1" applyFont="1" applyFill="1" applyBorder="1" applyAlignment="1">
      <alignment horizontal="right"/>
    </xf>
    <xf numFmtId="176" fontId="22" fillId="0" borderId="24" xfId="0" applyNumberFormat="1" applyFont="1" applyFill="1" applyBorder="1" applyAlignment="1">
      <alignment horizontal="right" vertical="center"/>
    </xf>
    <xf numFmtId="176" fontId="21" fillId="0" borderId="13" xfId="0" applyNumberFormat="1" applyFont="1" applyFill="1" applyBorder="1" applyAlignment="1">
      <alignment horizontal="right"/>
    </xf>
    <xf numFmtId="176" fontId="21" fillId="0" borderId="16" xfId="0" applyNumberFormat="1" applyFont="1" applyFill="1" applyBorder="1" applyAlignment="1">
      <alignment horizontal="right" vertical="center"/>
    </xf>
    <xf numFmtId="176" fontId="21" fillId="0" borderId="23" xfId="0" applyNumberFormat="1" applyFont="1" applyFill="1" applyBorder="1" applyAlignment="1">
      <alignment horizontal="right" vertical="center"/>
    </xf>
    <xf numFmtId="0" fontId="22" fillId="0" borderId="10" xfId="0" applyFont="1" applyFill="1" applyBorder="1" applyAlignment="1">
      <alignment horizontal="center" vertical="center"/>
    </xf>
    <xf numFmtId="0" fontId="22" fillId="0" borderId="11" xfId="0" applyFont="1" applyFill="1" applyBorder="1" applyAlignment="1">
      <alignment horizontal="center" vertical="center"/>
    </xf>
    <xf numFmtId="0" fontId="22" fillId="0" borderId="12" xfId="0" applyFont="1" applyFill="1" applyBorder="1" applyAlignment="1">
      <alignment horizontal="center" vertical="center"/>
    </xf>
    <xf numFmtId="0" fontId="22" fillId="0" borderId="35" xfId="0" applyFont="1" applyFill="1" applyBorder="1" applyAlignment="1">
      <alignment horizontal="center" vertical="center"/>
    </xf>
    <xf numFmtId="0" fontId="22" fillId="0" borderId="36" xfId="0" applyFont="1" applyFill="1" applyBorder="1" applyAlignment="1">
      <alignment horizontal="center" vertical="center"/>
    </xf>
    <xf numFmtId="0" fontId="22" fillId="0" borderId="37" xfId="0" applyFont="1" applyFill="1" applyBorder="1" applyAlignment="1">
      <alignment horizontal="center" vertical="center"/>
    </xf>
    <xf numFmtId="0" fontId="23" fillId="0" borderId="0" xfId="0" applyFont="1" applyFill="1" applyAlignment="1">
      <alignment horizontal="left" vertical="center"/>
    </xf>
    <xf numFmtId="0" fontId="25" fillId="0" borderId="0" xfId="0" applyFont="1" applyFill="1" applyAlignment="1">
      <alignment horizontal="left" vertical="center" wrapText="1"/>
    </xf>
    <xf numFmtId="0" fontId="25" fillId="0" borderId="0" xfId="0" applyFont="1" applyFill="1" applyAlignment="1">
      <alignment horizontal="lef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2"/>
    <cellStyle name="良い" xfId="41" builtinId="26" customBuiltin="1"/>
  </cellStyles>
  <dxfs count="0"/>
  <tableStyles count="0" defaultTableStyle="TableStyleMedium9"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801177</xdr:colOff>
      <xdr:row>0</xdr:row>
      <xdr:rowOff>34925</xdr:rowOff>
    </xdr:from>
    <xdr:to>
      <xdr:col>7</xdr:col>
      <xdr:colOff>908556</xdr:colOff>
      <xdr:row>0</xdr:row>
      <xdr:rowOff>422275</xdr:rowOff>
    </xdr:to>
    <xdr:sp macro="" textlink="">
      <xdr:nvSpPr>
        <xdr:cNvPr id="2" name="テキスト ボックス 1"/>
        <xdr:cNvSpPr txBox="1"/>
      </xdr:nvSpPr>
      <xdr:spPr>
        <a:xfrm>
          <a:off x="6697152" y="34925"/>
          <a:ext cx="1174179" cy="38735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２</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32"/>
  <sheetViews>
    <sheetView tabSelected="1" view="pageBreakPreview" zoomScale="85" zoomScaleNormal="100" zoomScaleSheetLayoutView="85" workbookViewId="0">
      <selection sqref="A1:G1"/>
    </sheetView>
  </sheetViews>
  <sheetFormatPr defaultColWidth="9" defaultRowHeight="13" x14ac:dyDescent="0.2"/>
  <cols>
    <col min="1" max="1" width="3.08984375" style="1" customWidth="1"/>
    <col min="2" max="2" width="25.90625" style="1" customWidth="1"/>
    <col min="3" max="3" width="20.36328125" style="1" customWidth="1"/>
    <col min="4" max="4" width="5.08984375" style="1" customWidth="1"/>
    <col min="5" max="8" width="14" style="1" customWidth="1"/>
    <col min="9" max="9" width="3.453125" style="1" customWidth="1"/>
    <col min="10" max="16384" width="9" style="1"/>
  </cols>
  <sheetData>
    <row r="1" spans="1:8" ht="51.75" customHeight="1" x14ac:dyDescent="0.2">
      <c r="A1" s="84" t="s">
        <v>99</v>
      </c>
      <c r="B1" s="85"/>
      <c r="C1" s="85"/>
      <c r="D1" s="85"/>
      <c r="E1" s="85"/>
      <c r="F1" s="85"/>
      <c r="G1" s="85"/>
    </row>
    <row r="2" spans="1:8" ht="6.75" customHeight="1" x14ac:dyDescent="0.2">
      <c r="A2" s="2"/>
      <c r="C2" s="3"/>
    </row>
    <row r="3" spans="1:8" ht="21" customHeight="1" x14ac:dyDescent="0.2">
      <c r="A3" s="32" t="s">
        <v>50</v>
      </c>
    </row>
    <row r="4" spans="1:8" s="4" customFormat="1" ht="15" customHeight="1" x14ac:dyDescent="0.2">
      <c r="A4" s="5" t="s">
        <v>0</v>
      </c>
      <c r="B4" s="4" t="s">
        <v>5</v>
      </c>
    </row>
    <row r="5" spans="1:8" s="4" customFormat="1" ht="15" customHeight="1" x14ac:dyDescent="0.2">
      <c r="A5" s="5"/>
      <c r="B5" s="4" t="s">
        <v>7</v>
      </c>
    </row>
    <row r="6" spans="1:8" s="4" customFormat="1" ht="42.75" customHeight="1" x14ac:dyDescent="0.2">
      <c r="B6" s="6" t="s">
        <v>3</v>
      </c>
      <c r="C6" s="7" t="s">
        <v>4</v>
      </c>
      <c r="D6" s="8"/>
      <c r="E6" s="9" t="s">
        <v>1</v>
      </c>
      <c r="F6" s="37" t="s">
        <v>21</v>
      </c>
      <c r="G6" s="9" t="s">
        <v>100</v>
      </c>
      <c r="H6" s="9" t="s">
        <v>101</v>
      </c>
    </row>
    <row r="7" spans="1:8" s="4" customFormat="1" x14ac:dyDescent="0.2">
      <c r="B7" s="39" t="s">
        <v>102</v>
      </c>
      <c r="C7" s="40" t="s">
        <v>44</v>
      </c>
      <c r="D7" s="40"/>
      <c r="E7" s="20">
        <v>8</v>
      </c>
      <c r="F7" s="20">
        <v>0</v>
      </c>
      <c r="G7" s="20">
        <v>8</v>
      </c>
      <c r="H7" s="67">
        <v>1</v>
      </c>
    </row>
    <row r="8" spans="1:8" s="4" customFormat="1" x14ac:dyDescent="0.2">
      <c r="B8" s="41" t="s">
        <v>58</v>
      </c>
      <c r="C8" s="42" t="s">
        <v>44</v>
      </c>
      <c r="D8" s="42"/>
      <c r="E8" s="10">
        <v>12</v>
      </c>
      <c r="F8" s="10">
        <v>0</v>
      </c>
      <c r="G8" s="10">
        <v>7</v>
      </c>
      <c r="H8" s="35">
        <v>0.57999999999999996</v>
      </c>
    </row>
    <row r="9" spans="1:8" s="4" customFormat="1" x14ac:dyDescent="0.2">
      <c r="B9" s="41" t="s">
        <v>59</v>
      </c>
      <c r="C9" s="42" t="s">
        <v>44</v>
      </c>
      <c r="D9" s="42"/>
      <c r="E9" s="10">
        <v>4</v>
      </c>
      <c r="F9" s="10">
        <v>1</v>
      </c>
      <c r="G9" s="10">
        <v>4</v>
      </c>
      <c r="H9" s="35">
        <v>1</v>
      </c>
    </row>
    <row r="10" spans="1:8" s="4" customFormat="1" x14ac:dyDescent="0.2">
      <c r="B10" s="41" t="s">
        <v>62</v>
      </c>
      <c r="C10" s="42" t="s">
        <v>44</v>
      </c>
      <c r="D10" s="42"/>
      <c r="E10" s="10">
        <v>119</v>
      </c>
      <c r="F10" s="10">
        <v>1</v>
      </c>
      <c r="G10" s="10">
        <v>15</v>
      </c>
      <c r="H10" s="35">
        <v>0.13</v>
      </c>
    </row>
    <row r="11" spans="1:8" s="4" customFormat="1" x14ac:dyDescent="0.2">
      <c r="B11" s="41" t="s">
        <v>63</v>
      </c>
      <c r="C11" s="42" t="s">
        <v>44</v>
      </c>
      <c r="D11" s="42"/>
      <c r="E11" s="10">
        <v>34</v>
      </c>
      <c r="F11" s="10">
        <v>0</v>
      </c>
      <c r="G11" s="10">
        <v>3</v>
      </c>
      <c r="H11" s="35">
        <v>0.09</v>
      </c>
    </row>
    <row r="12" spans="1:8" s="4" customFormat="1" x14ac:dyDescent="0.2">
      <c r="B12" s="41" t="s">
        <v>64</v>
      </c>
      <c r="C12" s="42" t="s">
        <v>44</v>
      </c>
      <c r="D12" s="42"/>
      <c r="E12" s="10">
        <v>16</v>
      </c>
      <c r="F12" s="10">
        <v>0</v>
      </c>
      <c r="G12" s="10">
        <v>5</v>
      </c>
      <c r="H12" s="35">
        <v>0.31</v>
      </c>
    </row>
    <row r="13" spans="1:8" s="4" customFormat="1" x14ac:dyDescent="0.2">
      <c r="B13" s="41" t="s">
        <v>66</v>
      </c>
      <c r="C13" s="42" t="s">
        <v>44</v>
      </c>
      <c r="D13" s="42"/>
      <c r="E13" s="10">
        <v>28</v>
      </c>
      <c r="F13" s="10">
        <v>0</v>
      </c>
      <c r="G13" s="10">
        <v>1</v>
      </c>
      <c r="H13" s="35">
        <v>0.04</v>
      </c>
    </row>
    <row r="14" spans="1:8" s="4" customFormat="1" x14ac:dyDescent="0.2">
      <c r="B14" s="41" t="s">
        <v>67</v>
      </c>
      <c r="C14" s="42" t="s">
        <v>44</v>
      </c>
      <c r="D14" s="42"/>
      <c r="E14" s="10">
        <v>36</v>
      </c>
      <c r="F14" s="10">
        <v>1</v>
      </c>
      <c r="G14" s="10">
        <v>1</v>
      </c>
      <c r="H14" s="35">
        <v>0.03</v>
      </c>
    </row>
    <row r="15" spans="1:8" s="4" customFormat="1" x14ac:dyDescent="0.2">
      <c r="B15" s="41" t="s">
        <v>68</v>
      </c>
      <c r="C15" s="42" t="s">
        <v>44</v>
      </c>
      <c r="D15" s="42"/>
      <c r="E15" s="10">
        <v>19</v>
      </c>
      <c r="F15" s="10">
        <v>0</v>
      </c>
      <c r="G15" s="10">
        <v>1</v>
      </c>
      <c r="H15" s="35">
        <v>0.05</v>
      </c>
    </row>
    <row r="16" spans="1:8" s="4" customFormat="1" x14ac:dyDescent="0.2">
      <c r="B16" s="41" t="s">
        <v>70</v>
      </c>
      <c r="C16" s="42" t="s">
        <v>44</v>
      </c>
      <c r="D16" s="42"/>
      <c r="E16" s="10">
        <v>88</v>
      </c>
      <c r="F16" s="10">
        <v>0</v>
      </c>
      <c r="G16" s="10">
        <v>9</v>
      </c>
      <c r="H16" s="35">
        <v>0.1</v>
      </c>
    </row>
    <row r="17" spans="1:8" s="4" customFormat="1" x14ac:dyDescent="0.2">
      <c r="B17" s="41" t="s">
        <v>71</v>
      </c>
      <c r="C17" s="42" t="s">
        <v>44</v>
      </c>
      <c r="D17" s="42"/>
      <c r="E17" s="10">
        <v>10</v>
      </c>
      <c r="F17" s="10">
        <v>0</v>
      </c>
      <c r="G17" s="10">
        <v>11</v>
      </c>
      <c r="H17" s="35">
        <v>1.1000000000000001</v>
      </c>
    </row>
    <row r="18" spans="1:8" s="4" customFormat="1" x14ac:dyDescent="0.2">
      <c r="B18" s="41" t="s">
        <v>72</v>
      </c>
      <c r="C18" s="42" t="s">
        <v>44</v>
      </c>
      <c r="D18" s="42"/>
      <c r="E18" s="10">
        <v>26</v>
      </c>
      <c r="F18" s="10">
        <v>0</v>
      </c>
      <c r="G18" s="10">
        <v>9</v>
      </c>
      <c r="H18" s="35">
        <v>0.35</v>
      </c>
    </row>
    <row r="19" spans="1:8" s="4" customFormat="1" x14ac:dyDescent="0.2">
      <c r="B19" s="41" t="s">
        <v>75</v>
      </c>
      <c r="C19" s="42" t="s">
        <v>44</v>
      </c>
      <c r="D19" s="42"/>
      <c r="E19" s="10">
        <v>15</v>
      </c>
      <c r="F19" s="10">
        <v>0</v>
      </c>
      <c r="G19" s="10">
        <v>9</v>
      </c>
      <c r="H19" s="35">
        <v>0.6</v>
      </c>
    </row>
    <row r="20" spans="1:8" s="4" customFormat="1" x14ac:dyDescent="0.2">
      <c r="B20" s="41" t="s">
        <v>76</v>
      </c>
      <c r="C20" s="42" t="s">
        <v>44</v>
      </c>
      <c r="D20" s="42"/>
      <c r="E20" s="10">
        <v>71</v>
      </c>
      <c r="F20" s="10">
        <v>0</v>
      </c>
      <c r="G20" s="10">
        <v>10</v>
      </c>
      <c r="H20" s="35">
        <v>0.14000000000000001</v>
      </c>
    </row>
    <row r="21" spans="1:8" s="4" customFormat="1" ht="15" customHeight="1" x14ac:dyDescent="0.2">
      <c r="B21" s="77" t="s">
        <v>2</v>
      </c>
      <c r="C21" s="78"/>
      <c r="D21" s="79"/>
      <c r="E21" s="11">
        <v>486</v>
      </c>
      <c r="F21" s="11">
        <v>3</v>
      </c>
      <c r="G21" s="11">
        <v>93</v>
      </c>
      <c r="H21" s="70">
        <v>0.19</v>
      </c>
    </row>
    <row r="22" spans="1:8" s="4" customFormat="1" x14ac:dyDescent="0.2">
      <c r="B22" s="66" t="s">
        <v>104</v>
      </c>
      <c r="C22" s="12"/>
      <c r="D22" s="12"/>
      <c r="E22" s="13"/>
      <c r="F22" s="13"/>
      <c r="G22" s="13"/>
      <c r="H22" s="14"/>
    </row>
    <row r="23" spans="1:8" s="4" customFormat="1" ht="7.5" customHeight="1" x14ac:dyDescent="0.2">
      <c r="B23" s="12"/>
      <c r="C23" s="12"/>
      <c r="D23" s="12"/>
      <c r="E23" s="13"/>
      <c r="F23" s="13"/>
      <c r="G23" s="13"/>
      <c r="H23" s="14"/>
    </row>
    <row r="24" spans="1:8" s="4" customFormat="1" ht="15" customHeight="1" x14ac:dyDescent="0.2">
      <c r="A24" s="5"/>
      <c r="B24" s="4" t="s">
        <v>8</v>
      </c>
    </row>
    <row r="25" spans="1:8" s="4" customFormat="1" ht="42" customHeight="1" x14ac:dyDescent="0.2">
      <c r="B25" s="6" t="s">
        <v>3</v>
      </c>
      <c r="C25" s="7" t="s">
        <v>4</v>
      </c>
      <c r="D25" s="8"/>
      <c r="E25" s="9" t="s">
        <v>1</v>
      </c>
      <c r="F25" s="37" t="s">
        <v>21</v>
      </c>
      <c r="G25" s="9" t="s">
        <v>100</v>
      </c>
      <c r="H25" s="9" t="s">
        <v>101</v>
      </c>
    </row>
    <row r="26" spans="1:8" s="4" customFormat="1" ht="13.5" customHeight="1" x14ac:dyDescent="0.2">
      <c r="B26" s="39" t="s">
        <v>22</v>
      </c>
      <c r="C26" s="40" t="s">
        <v>103</v>
      </c>
      <c r="D26" s="40"/>
      <c r="E26" s="15">
        <v>61</v>
      </c>
      <c r="F26" s="15">
        <v>0</v>
      </c>
      <c r="G26" s="15">
        <v>8</v>
      </c>
      <c r="H26" s="71">
        <v>0.13</v>
      </c>
    </row>
    <row r="27" spans="1:8" s="4" customFormat="1" ht="13.5" customHeight="1" x14ac:dyDescent="0.2">
      <c r="B27" s="43" t="s">
        <v>23</v>
      </c>
      <c r="C27" s="42" t="s">
        <v>103</v>
      </c>
      <c r="D27" s="42"/>
      <c r="E27" s="33">
        <v>44</v>
      </c>
      <c r="F27" s="33">
        <v>0</v>
      </c>
      <c r="G27" s="33">
        <v>10</v>
      </c>
      <c r="H27" s="72">
        <v>0.23</v>
      </c>
    </row>
    <row r="28" spans="1:8" s="4" customFormat="1" x14ac:dyDescent="0.2">
      <c r="B28" s="44" t="s">
        <v>78</v>
      </c>
      <c r="C28" s="45" t="s">
        <v>103</v>
      </c>
      <c r="D28" s="45"/>
      <c r="E28" s="17">
        <v>19</v>
      </c>
      <c r="F28" s="17">
        <v>0</v>
      </c>
      <c r="G28" s="17">
        <v>1</v>
      </c>
      <c r="H28" s="35">
        <v>0.05</v>
      </c>
    </row>
    <row r="29" spans="1:8" s="4" customFormat="1" ht="15" customHeight="1" x14ac:dyDescent="0.2">
      <c r="B29" s="77" t="s">
        <v>2</v>
      </c>
      <c r="C29" s="78"/>
      <c r="D29" s="79"/>
      <c r="E29" s="11">
        <v>124</v>
      </c>
      <c r="F29" s="11">
        <v>0</v>
      </c>
      <c r="G29" s="11">
        <v>19</v>
      </c>
      <c r="H29" s="70">
        <v>0.15</v>
      </c>
    </row>
    <row r="30" spans="1:8" ht="7.5" customHeight="1" x14ac:dyDescent="0.2">
      <c r="A30" s="2"/>
      <c r="C30" s="3"/>
    </row>
    <row r="31" spans="1:8" s="4" customFormat="1" ht="7.5" customHeight="1" x14ac:dyDescent="0.2">
      <c r="B31" s="18"/>
      <c r="C31" s="18"/>
      <c r="D31" s="18"/>
      <c r="E31" s="19"/>
      <c r="F31" s="19"/>
      <c r="G31" s="19"/>
      <c r="H31" s="19"/>
    </row>
    <row r="32" spans="1:8" s="4" customFormat="1" ht="15" customHeight="1" x14ac:dyDescent="0.2">
      <c r="A32" s="5"/>
      <c r="B32" s="4" t="s">
        <v>9</v>
      </c>
    </row>
    <row r="33" spans="2:8" s="4" customFormat="1" ht="42" customHeight="1" x14ac:dyDescent="0.2">
      <c r="B33" s="6" t="s">
        <v>3</v>
      </c>
      <c r="C33" s="7" t="s">
        <v>4</v>
      </c>
      <c r="D33" s="8"/>
      <c r="E33" s="9" t="s">
        <v>1</v>
      </c>
      <c r="F33" s="37" t="s">
        <v>21</v>
      </c>
      <c r="G33" s="9" t="s">
        <v>100</v>
      </c>
      <c r="H33" s="9" t="s">
        <v>101</v>
      </c>
    </row>
    <row r="34" spans="2:8" s="4" customFormat="1" x14ac:dyDescent="0.2">
      <c r="B34" s="46" t="s">
        <v>80</v>
      </c>
      <c r="C34" s="45" t="s">
        <v>37</v>
      </c>
      <c r="D34" s="45"/>
      <c r="E34" s="10">
        <v>1</v>
      </c>
      <c r="F34" s="10">
        <v>0</v>
      </c>
      <c r="G34" s="10">
        <v>0</v>
      </c>
      <c r="H34" s="35" t="s">
        <v>105</v>
      </c>
    </row>
    <row r="35" spans="2:8" s="4" customFormat="1" x14ac:dyDescent="0.2">
      <c r="B35" s="43" t="s">
        <v>24</v>
      </c>
      <c r="C35" s="45" t="s">
        <v>32</v>
      </c>
      <c r="D35" s="45"/>
      <c r="E35" s="10">
        <v>16</v>
      </c>
      <c r="F35" s="10">
        <v>0</v>
      </c>
      <c r="G35" s="10">
        <v>3</v>
      </c>
      <c r="H35" s="35">
        <v>0.19</v>
      </c>
    </row>
    <row r="36" spans="2:8" s="4" customFormat="1" x14ac:dyDescent="0.2">
      <c r="B36" s="44" t="s">
        <v>24</v>
      </c>
      <c r="C36" s="45" t="s">
        <v>33</v>
      </c>
      <c r="D36" s="45"/>
      <c r="E36" s="10">
        <v>7</v>
      </c>
      <c r="F36" s="10">
        <v>0</v>
      </c>
      <c r="G36" s="10">
        <v>5</v>
      </c>
      <c r="H36" s="35">
        <v>0.71</v>
      </c>
    </row>
    <row r="37" spans="2:8" s="4" customFormat="1" x14ac:dyDescent="0.2">
      <c r="B37" s="47" t="s">
        <v>24</v>
      </c>
      <c r="C37" s="48" t="s">
        <v>34</v>
      </c>
      <c r="D37" s="48"/>
      <c r="E37" s="26">
        <v>5</v>
      </c>
      <c r="F37" s="10">
        <v>0</v>
      </c>
      <c r="G37" s="10">
        <v>3</v>
      </c>
      <c r="H37" s="35">
        <v>0.6</v>
      </c>
    </row>
    <row r="38" spans="2:8" s="4" customFormat="1" x14ac:dyDescent="0.2">
      <c r="B38" s="47" t="s">
        <v>24</v>
      </c>
      <c r="C38" s="48" t="s">
        <v>35</v>
      </c>
      <c r="D38" s="48"/>
      <c r="E38" s="26">
        <v>28</v>
      </c>
      <c r="F38" s="10">
        <v>0</v>
      </c>
      <c r="G38" s="10">
        <v>0</v>
      </c>
      <c r="H38" s="35" t="s">
        <v>105</v>
      </c>
    </row>
    <row r="39" spans="2:8" s="4" customFormat="1" x14ac:dyDescent="0.2">
      <c r="B39" s="44" t="s">
        <v>82</v>
      </c>
      <c r="C39" s="45" t="s">
        <v>36</v>
      </c>
      <c r="D39" s="45"/>
      <c r="E39" s="10">
        <v>78</v>
      </c>
      <c r="F39" s="10">
        <v>0</v>
      </c>
      <c r="G39" s="10">
        <v>24</v>
      </c>
      <c r="H39" s="35">
        <v>0.31</v>
      </c>
    </row>
    <row r="40" spans="2:8" s="4" customFormat="1" x14ac:dyDescent="0.2">
      <c r="B40" s="41" t="s">
        <v>25</v>
      </c>
      <c r="C40" s="45" t="s">
        <v>32</v>
      </c>
      <c r="D40" s="45"/>
      <c r="E40" s="10">
        <v>10</v>
      </c>
      <c r="F40" s="10">
        <v>0</v>
      </c>
      <c r="G40" s="10">
        <v>0</v>
      </c>
      <c r="H40" s="35" t="s">
        <v>105</v>
      </c>
    </row>
    <row r="41" spans="2:8" s="4" customFormat="1" x14ac:dyDescent="0.2">
      <c r="B41" s="44" t="s">
        <v>25</v>
      </c>
      <c r="C41" s="45" t="s">
        <v>34</v>
      </c>
      <c r="D41" s="45"/>
      <c r="E41" s="10">
        <v>13</v>
      </c>
      <c r="F41" s="10">
        <v>0</v>
      </c>
      <c r="G41" s="10">
        <v>5</v>
      </c>
      <c r="H41" s="35">
        <v>0.38</v>
      </c>
    </row>
    <row r="42" spans="2:8" s="4" customFormat="1" x14ac:dyDescent="0.2">
      <c r="B42" s="44" t="s">
        <v>25</v>
      </c>
      <c r="C42" s="45" t="s">
        <v>33</v>
      </c>
      <c r="D42" s="45"/>
      <c r="E42" s="10">
        <v>9</v>
      </c>
      <c r="F42" s="10">
        <v>0</v>
      </c>
      <c r="G42" s="10">
        <v>0</v>
      </c>
      <c r="H42" s="35" t="s">
        <v>105</v>
      </c>
    </row>
    <row r="43" spans="2:8" s="4" customFormat="1" x14ac:dyDescent="0.2">
      <c r="B43" s="44" t="s">
        <v>26</v>
      </c>
      <c r="C43" s="45" t="s">
        <v>32</v>
      </c>
      <c r="D43" s="45"/>
      <c r="E43" s="10">
        <v>26</v>
      </c>
      <c r="F43" s="10">
        <v>0</v>
      </c>
      <c r="G43" s="10">
        <v>1</v>
      </c>
      <c r="H43" s="35">
        <v>0.04</v>
      </c>
    </row>
    <row r="44" spans="2:8" s="4" customFormat="1" x14ac:dyDescent="0.2">
      <c r="B44" s="41" t="s">
        <v>26</v>
      </c>
      <c r="C44" s="45" t="s">
        <v>33</v>
      </c>
      <c r="D44" s="45"/>
      <c r="E44" s="10">
        <v>26</v>
      </c>
      <c r="F44" s="10">
        <v>0</v>
      </c>
      <c r="G44" s="10">
        <v>4</v>
      </c>
      <c r="H44" s="35">
        <v>0.15</v>
      </c>
    </row>
    <row r="45" spans="2:8" s="4" customFormat="1" x14ac:dyDescent="0.2">
      <c r="B45" s="41" t="s">
        <v>26</v>
      </c>
      <c r="C45" s="45" t="s">
        <v>34</v>
      </c>
      <c r="D45" s="45"/>
      <c r="E45" s="10">
        <v>1</v>
      </c>
      <c r="F45" s="10">
        <v>0</v>
      </c>
      <c r="G45" s="10">
        <v>0</v>
      </c>
      <c r="H45" s="35" t="s">
        <v>105</v>
      </c>
    </row>
    <row r="46" spans="2:8" s="4" customFormat="1" x14ac:dyDescent="0.2">
      <c r="B46" s="44" t="s">
        <v>26</v>
      </c>
      <c r="C46" s="45" t="s">
        <v>35</v>
      </c>
      <c r="D46" s="45"/>
      <c r="E46" s="10">
        <v>11</v>
      </c>
      <c r="F46" s="10">
        <v>0</v>
      </c>
      <c r="G46" s="10">
        <v>0</v>
      </c>
      <c r="H46" s="35" t="s">
        <v>105</v>
      </c>
    </row>
    <row r="47" spans="2:8" s="4" customFormat="1" x14ac:dyDescent="0.2">
      <c r="B47" s="44" t="s">
        <v>27</v>
      </c>
      <c r="C47" s="45" t="s">
        <v>36</v>
      </c>
      <c r="D47" s="45"/>
      <c r="E47" s="10">
        <v>48</v>
      </c>
      <c r="F47" s="10">
        <v>1</v>
      </c>
      <c r="G47" s="10">
        <v>5</v>
      </c>
      <c r="H47" s="35">
        <v>0.1</v>
      </c>
    </row>
    <row r="48" spans="2:8" s="4" customFormat="1" x14ac:dyDescent="0.2">
      <c r="B48" s="44" t="s">
        <v>28</v>
      </c>
      <c r="C48" s="45" t="s">
        <v>36</v>
      </c>
      <c r="D48" s="45"/>
      <c r="E48" s="10">
        <v>34</v>
      </c>
      <c r="F48" s="10">
        <v>0</v>
      </c>
      <c r="G48" s="10">
        <v>10</v>
      </c>
      <c r="H48" s="35">
        <v>0.28999999999999998</v>
      </c>
    </row>
    <row r="49" spans="1:8" s="4" customFormat="1" x14ac:dyDescent="0.2">
      <c r="B49" s="44" t="s">
        <v>29</v>
      </c>
      <c r="C49" s="45" t="s">
        <v>34</v>
      </c>
      <c r="D49" s="45"/>
      <c r="E49" s="10">
        <v>26</v>
      </c>
      <c r="F49" s="10">
        <v>0</v>
      </c>
      <c r="G49" s="10">
        <v>1</v>
      </c>
      <c r="H49" s="35">
        <v>0.04</v>
      </c>
    </row>
    <row r="50" spans="1:8" s="4" customFormat="1" x14ac:dyDescent="0.2">
      <c r="B50" s="44" t="s">
        <v>29</v>
      </c>
      <c r="C50" s="45" t="s">
        <v>33</v>
      </c>
      <c r="D50" s="45"/>
      <c r="E50" s="10">
        <v>12</v>
      </c>
      <c r="F50" s="10">
        <v>0</v>
      </c>
      <c r="G50" s="10">
        <v>0</v>
      </c>
      <c r="H50" s="35" t="s">
        <v>105</v>
      </c>
    </row>
    <row r="51" spans="1:8" s="4" customFormat="1" x14ac:dyDescent="0.2">
      <c r="B51" s="44" t="s">
        <v>29</v>
      </c>
      <c r="C51" s="45" t="s">
        <v>81</v>
      </c>
      <c r="D51" s="45"/>
      <c r="E51" s="10">
        <v>5</v>
      </c>
      <c r="F51" s="10">
        <v>0</v>
      </c>
      <c r="G51" s="10">
        <v>0</v>
      </c>
      <c r="H51" s="35" t="s">
        <v>105</v>
      </c>
    </row>
    <row r="52" spans="1:8" s="4" customFormat="1" x14ac:dyDescent="0.2">
      <c r="B52" s="44" t="s">
        <v>79</v>
      </c>
      <c r="C52" s="45" t="s">
        <v>46</v>
      </c>
      <c r="D52" s="45"/>
      <c r="E52" s="10">
        <v>27</v>
      </c>
      <c r="F52" s="10">
        <v>0</v>
      </c>
      <c r="G52" s="10">
        <v>9</v>
      </c>
      <c r="H52" s="35">
        <v>0.33</v>
      </c>
    </row>
    <row r="53" spans="1:8" s="4" customFormat="1" x14ac:dyDescent="0.2">
      <c r="B53" s="44" t="s">
        <v>66</v>
      </c>
      <c r="C53" s="45" t="s">
        <v>46</v>
      </c>
      <c r="D53" s="45"/>
      <c r="E53" s="10">
        <v>62</v>
      </c>
      <c r="F53" s="10">
        <v>0</v>
      </c>
      <c r="G53" s="10">
        <v>1</v>
      </c>
      <c r="H53" s="35">
        <v>0.02</v>
      </c>
    </row>
    <row r="54" spans="1:8" s="4" customFormat="1" x14ac:dyDescent="0.2">
      <c r="B54" s="44" t="s">
        <v>30</v>
      </c>
      <c r="C54" s="45" t="s">
        <v>47</v>
      </c>
      <c r="D54" s="45"/>
      <c r="E54" s="10">
        <v>4</v>
      </c>
      <c r="F54" s="10">
        <v>0</v>
      </c>
      <c r="G54" s="10">
        <v>0</v>
      </c>
      <c r="H54" s="35" t="s">
        <v>105</v>
      </c>
    </row>
    <row r="55" spans="1:8" s="4" customFormat="1" x14ac:dyDescent="0.2">
      <c r="B55" s="44" t="s">
        <v>102</v>
      </c>
      <c r="C55" s="45" t="s">
        <v>38</v>
      </c>
      <c r="D55" s="45"/>
      <c r="E55" s="10">
        <v>3</v>
      </c>
      <c r="F55" s="10">
        <v>0</v>
      </c>
      <c r="G55" s="10">
        <v>1</v>
      </c>
      <c r="H55" s="35">
        <v>0.33</v>
      </c>
    </row>
    <row r="56" spans="1:8" s="4" customFormat="1" x14ac:dyDescent="0.2">
      <c r="B56" s="44" t="s">
        <v>77</v>
      </c>
      <c r="C56" s="45" t="s">
        <v>38</v>
      </c>
      <c r="D56" s="45"/>
      <c r="E56" s="10">
        <v>27</v>
      </c>
      <c r="F56" s="10">
        <v>0</v>
      </c>
      <c r="G56" s="10">
        <v>2</v>
      </c>
      <c r="H56" s="35">
        <v>7.0000000000000007E-2</v>
      </c>
    </row>
    <row r="57" spans="1:8" s="4" customFormat="1" x14ac:dyDescent="0.2">
      <c r="B57" s="44" t="s">
        <v>76</v>
      </c>
      <c r="C57" s="45" t="s">
        <v>38</v>
      </c>
      <c r="D57" s="45"/>
      <c r="E57" s="10">
        <v>14</v>
      </c>
      <c r="F57" s="10">
        <v>0</v>
      </c>
      <c r="G57" s="10">
        <v>1</v>
      </c>
      <c r="H57" s="35">
        <v>7.0000000000000007E-2</v>
      </c>
    </row>
    <row r="58" spans="1:8" s="4" customFormat="1" x14ac:dyDescent="0.2">
      <c r="B58" s="44" t="s">
        <v>39</v>
      </c>
      <c r="C58" s="45" t="s">
        <v>38</v>
      </c>
      <c r="D58" s="45"/>
      <c r="E58" s="10">
        <v>8</v>
      </c>
      <c r="F58" s="10">
        <v>0</v>
      </c>
      <c r="G58" s="10">
        <v>4</v>
      </c>
      <c r="H58" s="35">
        <v>0.5</v>
      </c>
    </row>
    <row r="59" spans="1:8" s="4" customFormat="1" x14ac:dyDescent="0.2">
      <c r="B59" s="44" t="s">
        <v>97</v>
      </c>
      <c r="C59" s="45" t="s">
        <v>98</v>
      </c>
      <c r="D59" s="45"/>
      <c r="E59" s="10">
        <v>4</v>
      </c>
      <c r="F59" s="10">
        <v>0</v>
      </c>
      <c r="G59" s="10">
        <v>3</v>
      </c>
      <c r="H59" s="35">
        <v>0.75</v>
      </c>
    </row>
    <row r="60" spans="1:8" s="4" customFormat="1" ht="15" customHeight="1" x14ac:dyDescent="0.2">
      <c r="B60" s="77" t="s">
        <v>2</v>
      </c>
      <c r="C60" s="78"/>
      <c r="D60" s="79"/>
      <c r="E60" s="11">
        <v>505</v>
      </c>
      <c r="F60" s="11">
        <v>1</v>
      </c>
      <c r="G60" s="11">
        <v>82</v>
      </c>
      <c r="H60" s="70">
        <v>0.16</v>
      </c>
    </row>
    <row r="61" spans="1:8" x14ac:dyDescent="0.2">
      <c r="A61" s="2"/>
      <c r="B61" s="66" t="s">
        <v>104</v>
      </c>
      <c r="C61" s="3"/>
    </row>
    <row r="62" spans="1:8" ht="7.5" customHeight="1" x14ac:dyDescent="0.2">
      <c r="A62" s="2"/>
      <c r="C62" s="3"/>
    </row>
    <row r="63" spans="1:8" s="4" customFormat="1" ht="15" customHeight="1" x14ac:dyDescent="0.2">
      <c r="A63" s="5"/>
      <c r="B63" s="4" t="s">
        <v>11</v>
      </c>
    </row>
    <row r="64" spans="1:8" s="4" customFormat="1" ht="42" customHeight="1" x14ac:dyDescent="0.2">
      <c r="B64" s="6" t="s">
        <v>3</v>
      </c>
      <c r="C64" s="7" t="s">
        <v>4</v>
      </c>
      <c r="D64" s="8"/>
      <c r="E64" s="9" t="s">
        <v>1</v>
      </c>
      <c r="F64" s="37" t="s">
        <v>21</v>
      </c>
      <c r="G64" s="9" t="s">
        <v>100</v>
      </c>
      <c r="H64" s="9" t="s">
        <v>101</v>
      </c>
    </row>
    <row r="65" spans="1:8" s="4" customFormat="1" ht="13.5" customHeight="1" x14ac:dyDescent="0.2">
      <c r="B65" s="49" t="s">
        <v>83</v>
      </c>
      <c r="C65" s="50" t="s">
        <v>45</v>
      </c>
      <c r="D65" s="50"/>
      <c r="E65" s="20">
        <v>14</v>
      </c>
      <c r="F65" s="20">
        <v>0</v>
      </c>
      <c r="G65" s="20">
        <v>12</v>
      </c>
      <c r="H65" s="67">
        <v>0.86</v>
      </c>
    </row>
    <row r="66" spans="1:8" s="4" customFormat="1" ht="13.5" customHeight="1" x14ac:dyDescent="0.2">
      <c r="B66" s="44" t="s">
        <v>84</v>
      </c>
      <c r="C66" s="45" t="s">
        <v>45</v>
      </c>
      <c r="D66" s="45"/>
      <c r="E66" s="10">
        <v>57</v>
      </c>
      <c r="F66" s="10">
        <v>0</v>
      </c>
      <c r="G66" s="10">
        <v>34</v>
      </c>
      <c r="H66" s="35">
        <v>0.6</v>
      </c>
    </row>
    <row r="67" spans="1:8" s="4" customFormat="1" ht="13.5" customHeight="1" x14ac:dyDescent="0.2">
      <c r="B67" s="44" t="s">
        <v>85</v>
      </c>
      <c r="C67" s="45" t="s">
        <v>45</v>
      </c>
      <c r="D67" s="45"/>
      <c r="E67" s="10">
        <v>55</v>
      </c>
      <c r="F67" s="10">
        <v>0</v>
      </c>
      <c r="G67" s="10">
        <v>6</v>
      </c>
      <c r="H67" s="35">
        <v>0.11</v>
      </c>
    </row>
    <row r="68" spans="1:8" s="4" customFormat="1" ht="13.5" customHeight="1" x14ac:dyDescent="0.2">
      <c r="B68" s="44" t="s">
        <v>86</v>
      </c>
      <c r="C68" s="45" t="s">
        <v>45</v>
      </c>
      <c r="D68" s="45"/>
      <c r="E68" s="10">
        <v>48</v>
      </c>
      <c r="F68" s="10">
        <v>0</v>
      </c>
      <c r="G68" s="10">
        <v>7</v>
      </c>
      <c r="H68" s="35">
        <v>0.15</v>
      </c>
    </row>
    <row r="69" spans="1:8" s="4" customFormat="1" ht="13.5" customHeight="1" x14ac:dyDescent="0.2">
      <c r="B69" s="44" t="s">
        <v>87</v>
      </c>
      <c r="C69" s="45" t="s">
        <v>45</v>
      </c>
      <c r="D69" s="45"/>
      <c r="E69" s="10">
        <v>26</v>
      </c>
      <c r="F69" s="10">
        <v>1</v>
      </c>
      <c r="G69" s="10">
        <v>12</v>
      </c>
      <c r="H69" s="35">
        <v>0.46</v>
      </c>
    </row>
    <row r="70" spans="1:8" s="4" customFormat="1" ht="15" customHeight="1" x14ac:dyDescent="0.2">
      <c r="B70" s="77" t="s">
        <v>2</v>
      </c>
      <c r="C70" s="78"/>
      <c r="D70" s="79"/>
      <c r="E70" s="11">
        <v>200</v>
      </c>
      <c r="F70" s="11">
        <v>1</v>
      </c>
      <c r="G70" s="11">
        <v>71</v>
      </c>
      <c r="H70" s="70">
        <v>0.36</v>
      </c>
    </row>
    <row r="71" spans="1:8" s="4" customFormat="1" ht="15" customHeight="1" x14ac:dyDescent="0.2">
      <c r="B71" s="23"/>
      <c r="C71" s="23"/>
      <c r="D71" s="23"/>
      <c r="E71" s="24"/>
      <c r="F71" s="24"/>
      <c r="G71" s="24"/>
      <c r="H71" s="22"/>
    </row>
    <row r="72" spans="1:8" s="4" customFormat="1" ht="15" customHeight="1" x14ac:dyDescent="0.2">
      <c r="B72" s="4" t="s">
        <v>16</v>
      </c>
      <c r="C72" s="28" t="s">
        <v>19</v>
      </c>
      <c r="D72" s="23"/>
      <c r="E72" s="24"/>
      <c r="F72" s="24"/>
      <c r="G72" s="24"/>
      <c r="H72" s="22"/>
    </row>
    <row r="73" spans="1:8" ht="14.25" customHeight="1" x14ac:dyDescent="0.2">
      <c r="A73" s="2"/>
      <c r="C73" s="3"/>
    </row>
    <row r="74" spans="1:8" s="4" customFormat="1" x14ac:dyDescent="0.2">
      <c r="B74" s="4" t="s">
        <v>17</v>
      </c>
    </row>
    <row r="75" spans="1:8" s="4" customFormat="1" ht="39" x14ac:dyDescent="0.2">
      <c r="B75" s="6" t="s">
        <v>3</v>
      </c>
      <c r="C75" s="7" t="s">
        <v>4</v>
      </c>
      <c r="D75" s="8"/>
      <c r="E75" s="9" t="s">
        <v>1</v>
      </c>
      <c r="F75" s="37" t="s">
        <v>21</v>
      </c>
      <c r="G75" s="9" t="s">
        <v>100</v>
      </c>
      <c r="H75" s="9" t="s">
        <v>101</v>
      </c>
    </row>
    <row r="76" spans="1:8" s="4" customFormat="1" x14ac:dyDescent="0.2">
      <c r="B76" s="49" t="s">
        <v>31</v>
      </c>
      <c r="C76" s="50" t="s">
        <v>88</v>
      </c>
      <c r="D76" s="51"/>
      <c r="E76" s="20">
        <v>97</v>
      </c>
      <c r="F76" s="20">
        <v>0</v>
      </c>
      <c r="G76" s="20">
        <v>12</v>
      </c>
      <c r="H76" s="67">
        <v>0.12</v>
      </c>
    </row>
    <row r="77" spans="1:8" s="4" customFormat="1" ht="13.5" customHeight="1" x14ac:dyDescent="0.2">
      <c r="B77" s="68" t="s">
        <v>89</v>
      </c>
      <c r="C77" s="69" t="s">
        <v>88</v>
      </c>
      <c r="D77" s="69"/>
      <c r="E77" s="38">
        <v>10</v>
      </c>
      <c r="F77" s="38">
        <v>0</v>
      </c>
      <c r="G77" s="38">
        <v>2</v>
      </c>
      <c r="H77" s="36">
        <v>0.2</v>
      </c>
    </row>
    <row r="78" spans="1:8" ht="13.5" customHeight="1" x14ac:dyDescent="0.2">
      <c r="A78" s="2"/>
      <c r="B78" s="80" t="s">
        <v>2</v>
      </c>
      <c r="C78" s="81"/>
      <c r="D78" s="82"/>
      <c r="E78" s="21">
        <v>107</v>
      </c>
      <c r="F78" s="11">
        <v>0</v>
      </c>
      <c r="G78" s="11">
        <v>14</v>
      </c>
      <c r="H78" s="73">
        <v>0.13</v>
      </c>
    </row>
    <row r="79" spans="1:8" ht="7.5" customHeight="1" x14ac:dyDescent="0.2">
      <c r="A79" s="2"/>
      <c r="B79" s="23"/>
      <c r="C79" s="23"/>
      <c r="D79" s="23"/>
      <c r="E79" s="24"/>
      <c r="F79" s="24"/>
      <c r="G79" s="24"/>
      <c r="H79" s="22"/>
    </row>
    <row r="80" spans="1:8" s="4" customFormat="1" ht="7.5" customHeight="1" x14ac:dyDescent="0.2">
      <c r="A80" s="5"/>
      <c r="B80" s="1"/>
      <c r="C80" s="3"/>
      <c r="D80" s="1"/>
      <c r="E80" s="1"/>
      <c r="F80" s="1"/>
      <c r="G80" s="1"/>
      <c r="H80" s="1"/>
    </row>
    <row r="81" spans="1:8" s="4" customFormat="1" x14ac:dyDescent="0.2">
      <c r="B81" s="4" t="s">
        <v>18</v>
      </c>
    </row>
    <row r="82" spans="1:8" s="4" customFormat="1" ht="39" x14ac:dyDescent="0.2">
      <c r="B82" s="6" t="s">
        <v>3</v>
      </c>
      <c r="C82" s="7" t="s">
        <v>4</v>
      </c>
      <c r="D82" s="8"/>
      <c r="E82" s="9" t="s">
        <v>1</v>
      </c>
      <c r="F82" s="37" t="s">
        <v>21</v>
      </c>
      <c r="G82" s="9" t="s">
        <v>100</v>
      </c>
      <c r="H82" s="9" t="s">
        <v>101</v>
      </c>
    </row>
    <row r="83" spans="1:8" s="4" customFormat="1" x14ac:dyDescent="0.2">
      <c r="B83" s="44" t="s">
        <v>85</v>
      </c>
      <c r="C83" s="50" t="s">
        <v>90</v>
      </c>
      <c r="D83" s="51"/>
      <c r="E83" s="20">
        <v>14</v>
      </c>
      <c r="F83" s="26">
        <v>0</v>
      </c>
      <c r="G83" s="26">
        <v>1</v>
      </c>
      <c r="H83" s="35">
        <v>7.0000000000000007E-2</v>
      </c>
    </row>
    <row r="84" spans="1:8" s="4" customFormat="1" x14ac:dyDescent="0.2">
      <c r="B84" s="44" t="s">
        <v>91</v>
      </c>
      <c r="C84" s="48" t="s">
        <v>90</v>
      </c>
      <c r="D84" s="52"/>
      <c r="E84" s="26">
        <v>14</v>
      </c>
      <c r="F84" s="10">
        <v>0</v>
      </c>
      <c r="G84" s="10">
        <v>1</v>
      </c>
      <c r="H84" s="35">
        <v>7.0000000000000007E-2</v>
      </c>
    </row>
    <row r="85" spans="1:8" s="4" customFormat="1" x14ac:dyDescent="0.2">
      <c r="B85" s="44" t="s">
        <v>91</v>
      </c>
      <c r="C85" s="48" t="s">
        <v>92</v>
      </c>
      <c r="D85" s="52"/>
      <c r="E85" s="26">
        <v>6</v>
      </c>
      <c r="F85" s="10">
        <v>0</v>
      </c>
      <c r="G85" s="10">
        <v>0</v>
      </c>
      <c r="H85" s="35" t="s">
        <v>105</v>
      </c>
    </row>
    <row r="86" spans="1:8" s="4" customFormat="1" x14ac:dyDescent="0.2">
      <c r="B86" s="44" t="s">
        <v>91</v>
      </c>
      <c r="C86" s="48" t="s">
        <v>93</v>
      </c>
      <c r="D86" s="52"/>
      <c r="E86" s="26">
        <v>17</v>
      </c>
      <c r="F86" s="10">
        <v>0</v>
      </c>
      <c r="G86" s="10">
        <v>0</v>
      </c>
      <c r="H86" s="35" t="s">
        <v>105</v>
      </c>
    </row>
    <row r="87" spans="1:8" s="4" customFormat="1" x14ac:dyDescent="0.2">
      <c r="B87" s="53" t="s">
        <v>91</v>
      </c>
      <c r="C87" s="54" t="s">
        <v>94</v>
      </c>
      <c r="D87" s="55"/>
      <c r="E87" s="38">
        <v>6</v>
      </c>
      <c r="F87" s="10">
        <v>0</v>
      </c>
      <c r="G87" s="10">
        <v>0</v>
      </c>
      <c r="H87" s="36" t="s">
        <v>105</v>
      </c>
    </row>
    <row r="88" spans="1:8" ht="13.5" customHeight="1" x14ac:dyDescent="0.2">
      <c r="A88" s="2"/>
      <c r="B88" s="80" t="s">
        <v>2</v>
      </c>
      <c r="C88" s="81"/>
      <c r="D88" s="82"/>
      <c r="E88" s="21">
        <v>57</v>
      </c>
      <c r="F88" s="11">
        <v>0</v>
      </c>
      <c r="G88" s="11">
        <v>2</v>
      </c>
      <c r="H88" s="73">
        <v>0.04</v>
      </c>
    </row>
    <row r="89" spans="1:8" s="4" customFormat="1" ht="15" customHeight="1" x14ac:dyDescent="0.2">
      <c r="B89" s="1"/>
      <c r="C89" s="3"/>
      <c r="D89" s="1"/>
      <c r="E89" s="1"/>
      <c r="F89" s="1"/>
      <c r="G89" s="1"/>
      <c r="H89" s="1"/>
    </row>
    <row r="90" spans="1:8" s="4" customFormat="1" x14ac:dyDescent="0.2">
      <c r="A90" s="5" t="s">
        <v>10</v>
      </c>
      <c r="B90" s="4" t="s">
        <v>6</v>
      </c>
    </row>
    <row r="91" spans="1:8" s="4" customFormat="1" x14ac:dyDescent="0.2">
      <c r="B91" s="4" t="s">
        <v>7</v>
      </c>
    </row>
    <row r="92" spans="1:8" s="4" customFormat="1" ht="39" customHeight="1" x14ac:dyDescent="0.2">
      <c r="B92" s="6" t="s">
        <v>3</v>
      </c>
      <c r="C92" s="7" t="s">
        <v>14</v>
      </c>
      <c r="D92" s="8"/>
      <c r="E92" s="9" t="s">
        <v>1</v>
      </c>
      <c r="F92" s="37" t="s">
        <v>21</v>
      </c>
      <c r="G92" s="9" t="s">
        <v>100</v>
      </c>
      <c r="H92" s="9" t="s">
        <v>101</v>
      </c>
    </row>
    <row r="93" spans="1:8" s="4" customFormat="1" ht="15" customHeight="1" x14ac:dyDescent="0.2">
      <c r="B93" s="6" t="s">
        <v>39</v>
      </c>
      <c r="C93" s="7" t="s">
        <v>40</v>
      </c>
      <c r="D93" s="7"/>
      <c r="E93" s="56">
        <v>49</v>
      </c>
      <c r="F93" s="34">
        <v>0</v>
      </c>
      <c r="G93" s="34">
        <v>13</v>
      </c>
      <c r="H93" s="74">
        <v>0.27</v>
      </c>
    </row>
    <row r="94" spans="1:8" ht="7.5" customHeight="1" x14ac:dyDescent="0.2">
      <c r="A94" s="2"/>
      <c r="B94" s="23"/>
      <c r="C94" s="23"/>
      <c r="D94" s="23"/>
      <c r="E94" s="24"/>
      <c r="F94" s="24"/>
      <c r="G94" s="24"/>
      <c r="H94" s="22"/>
    </row>
    <row r="95" spans="1:8" s="4" customFormat="1" ht="7.5" customHeight="1" x14ac:dyDescent="0.2">
      <c r="A95" s="5"/>
      <c r="B95" s="1"/>
      <c r="C95" s="3"/>
      <c r="D95" s="1"/>
      <c r="E95" s="1"/>
      <c r="F95" s="1"/>
      <c r="G95" s="1"/>
      <c r="H95" s="1"/>
    </row>
    <row r="96" spans="1:8" s="4" customFormat="1" x14ac:dyDescent="0.2">
      <c r="B96" s="4" t="s">
        <v>12</v>
      </c>
    </row>
    <row r="97" spans="1:8" s="4" customFormat="1" ht="39" x14ac:dyDescent="0.2">
      <c r="B97" s="6" t="s">
        <v>3</v>
      </c>
      <c r="C97" s="7" t="s">
        <v>15</v>
      </c>
      <c r="D97" s="8"/>
      <c r="E97" s="9" t="s">
        <v>1</v>
      </c>
      <c r="F97" s="37" t="s">
        <v>21</v>
      </c>
      <c r="G97" s="9" t="s">
        <v>100</v>
      </c>
      <c r="H97" s="9" t="s">
        <v>101</v>
      </c>
    </row>
    <row r="98" spans="1:8" ht="12.9" customHeight="1" x14ac:dyDescent="0.2">
      <c r="B98" s="43" t="s">
        <v>95</v>
      </c>
      <c r="C98" s="42" t="s">
        <v>48</v>
      </c>
      <c r="D98" s="42"/>
      <c r="E98" s="25">
        <v>25</v>
      </c>
      <c r="F98" s="20">
        <v>1</v>
      </c>
      <c r="G98" s="20">
        <v>9</v>
      </c>
      <c r="H98" s="75">
        <v>0.36</v>
      </c>
    </row>
    <row r="99" spans="1:8" ht="12.9" customHeight="1" x14ac:dyDescent="0.2">
      <c r="B99" s="41" t="s">
        <v>95</v>
      </c>
      <c r="C99" s="57" t="s">
        <v>49</v>
      </c>
      <c r="D99" s="57"/>
      <c r="E99" s="58">
        <v>76</v>
      </c>
      <c r="F99" s="29">
        <v>0</v>
      </c>
      <c r="G99" s="29">
        <v>9</v>
      </c>
      <c r="H99" s="75">
        <v>0.12</v>
      </c>
    </row>
    <row r="100" spans="1:8" ht="12.9" customHeight="1" x14ac:dyDescent="0.2">
      <c r="B100" s="41" t="s">
        <v>87</v>
      </c>
      <c r="C100" s="57" t="s">
        <v>45</v>
      </c>
      <c r="D100" s="57"/>
      <c r="E100" s="58">
        <v>48</v>
      </c>
      <c r="F100" s="25">
        <v>0</v>
      </c>
      <c r="G100" s="25">
        <v>4</v>
      </c>
      <c r="H100" s="75">
        <v>0.08</v>
      </c>
    </row>
    <row r="101" spans="1:8" ht="12.9" customHeight="1" x14ac:dyDescent="0.2">
      <c r="B101" s="41" t="s">
        <v>96</v>
      </c>
      <c r="C101" s="57" t="s">
        <v>48</v>
      </c>
      <c r="D101" s="57"/>
      <c r="E101" s="58">
        <v>20</v>
      </c>
      <c r="F101" s="29">
        <v>0</v>
      </c>
      <c r="G101" s="29">
        <v>6</v>
      </c>
      <c r="H101" s="75">
        <v>0.3</v>
      </c>
    </row>
    <row r="102" spans="1:8" ht="12.9" customHeight="1" x14ac:dyDescent="0.2">
      <c r="B102" s="41" t="s">
        <v>96</v>
      </c>
      <c r="C102" s="57" t="s">
        <v>49</v>
      </c>
      <c r="D102" s="57"/>
      <c r="E102" s="58">
        <v>34</v>
      </c>
      <c r="F102" s="25">
        <v>0</v>
      </c>
      <c r="G102" s="25">
        <v>6</v>
      </c>
      <c r="H102" s="75">
        <v>0.18</v>
      </c>
    </row>
    <row r="103" spans="1:8" s="4" customFormat="1" ht="15" customHeight="1" x14ac:dyDescent="0.2">
      <c r="A103" s="5"/>
      <c r="B103" s="77" t="s">
        <v>2</v>
      </c>
      <c r="C103" s="78"/>
      <c r="D103" s="79"/>
      <c r="E103" s="11">
        <v>203</v>
      </c>
      <c r="F103" s="11">
        <v>1</v>
      </c>
      <c r="G103" s="11">
        <v>34</v>
      </c>
      <c r="H103" s="70">
        <v>0.17</v>
      </c>
    </row>
    <row r="104" spans="1:8" s="4" customFormat="1" ht="14.15" customHeight="1" x14ac:dyDescent="0.2"/>
    <row r="105" spans="1:8" s="4" customFormat="1" x14ac:dyDescent="0.2">
      <c r="B105" s="4" t="s">
        <v>13</v>
      </c>
    </row>
    <row r="106" spans="1:8" s="4" customFormat="1" ht="39" x14ac:dyDescent="0.2">
      <c r="B106" s="6" t="s">
        <v>3</v>
      </c>
      <c r="C106" s="7" t="s">
        <v>15</v>
      </c>
      <c r="D106" s="8"/>
      <c r="E106" s="9" t="s">
        <v>1</v>
      </c>
      <c r="F106" s="37" t="s">
        <v>21</v>
      </c>
      <c r="G106" s="9" t="s">
        <v>100</v>
      </c>
      <c r="H106" s="9" t="s">
        <v>101</v>
      </c>
    </row>
    <row r="107" spans="1:8" s="4" customFormat="1" x14ac:dyDescent="0.2">
      <c r="B107" s="53" t="s">
        <v>41</v>
      </c>
      <c r="C107" s="59" t="s">
        <v>42</v>
      </c>
      <c r="D107" s="59"/>
      <c r="E107" s="60">
        <v>41</v>
      </c>
      <c r="F107" s="60">
        <v>0</v>
      </c>
      <c r="G107" s="60">
        <v>3</v>
      </c>
      <c r="H107" s="76">
        <v>7.0000000000000007E-2</v>
      </c>
    </row>
    <row r="108" spans="1:8" x14ac:dyDescent="0.2">
      <c r="B108" s="27"/>
    </row>
    <row r="109" spans="1:8" ht="18.75" customHeight="1" x14ac:dyDescent="0.2">
      <c r="A109" s="1" t="s">
        <v>20</v>
      </c>
    </row>
    <row r="110" spans="1:8" ht="39" x14ac:dyDescent="0.2">
      <c r="B110" s="6" t="s">
        <v>3</v>
      </c>
      <c r="C110" s="7" t="s">
        <v>4</v>
      </c>
      <c r="D110" s="8"/>
      <c r="E110" s="9" t="s">
        <v>1</v>
      </c>
      <c r="F110" s="37" t="s">
        <v>21</v>
      </c>
      <c r="G110" s="9" t="s">
        <v>100</v>
      </c>
      <c r="H110" s="9" t="s">
        <v>101</v>
      </c>
    </row>
    <row r="111" spans="1:8" x14ac:dyDescent="0.2">
      <c r="B111" s="61" t="s">
        <v>51</v>
      </c>
      <c r="C111" s="62" t="s">
        <v>44</v>
      </c>
      <c r="D111" s="62"/>
      <c r="E111" s="63">
        <v>1</v>
      </c>
      <c r="F111" s="26">
        <v>0</v>
      </c>
      <c r="G111" s="26">
        <v>0</v>
      </c>
      <c r="H111" s="35" t="s">
        <v>105</v>
      </c>
    </row>
    <row r="112" spans="1:8" x14ac:dyDescent="0.2">
      <c r="B112" s="43" t="s">
        <v>56</v>
      </c>
      <c r="C112" s="42" t="s">
        <v>44</v>
      </c>
      <c r="D112" s="42"/>
      <c r="E112" s="64">
        <v>6</v>
      </c>
      <c r="F112" s="26">
        <v>0</v>
      </c>
      <c r="G112" s="26">
        <v>0</v>
      </c>
      <c r="H112" s="35" t="s">
        <v>105</v>
      </c>
    </row>
    <row r="113" spans="2:8" x14ac:dyDescent="0.2">
      <c r="B113" s="43" t="s">
        <v>54</v>
      </c>
      <c r="C113" s="42" t="s">
        <v>44</v>
      </c>
      <c r="D113" s="42"/>
      <c r="E113" s="64">
        <v>13</v>
      </c>
      <c r="F113" s="26">
        <v>0</v>
      </c>
      <c r="G113" s="26">
        <v>0</v>
      </c>
      <c r="H113" s="35" t="s">
        <v>105</v>
      </c>
    </row>
    <row r="114" spans="2:8" x14ac:dyDescent="0.2">
      <c r="B114" s="43" t="s">
        <v>52</v>
      </c>
      <c r="C114" s="42" t="s">
        <v>44</v>
      </c>
      <c r="D114" s="42"/>
      <c r="E114" s="64">
        <v>12</v>
      </c>
      <c r="F114" s="26">
        <v>0</v>
      </c>
      <c r="G114" s="26">
        <v>1</v>
      </c>
      <c r="H114" s="35">
        <v>0.08</v>
      </c>
    </row>
    <row r="115" spans="2:8" x14ac:dyDescent="0.2">
      <c r="B115" s="43" t="s">
        <v>53</v>
      </c>
      <c r="C115" s="42" t="s">
        <v>44</v>
      </c>
      <c r="D115" s="42"/>
      <c r="E115" s="64">
        <v>12</v>
      </c>
      <c r="F115" s="26">
        <v>0</v>
      </c>
      <c r="G115" s="26">
        <v>1</v>
      </c>
      <c r="H115" s="35">
        <v>0.08</v>
      </c>
    </row>
    <row r="116" spans="2:8" x14ac:dyDescent="0.2">
      <c r="B116" s="43" t="s">
        <v>55</v>
      </c>
      <c r="C116" s="42" t="s">
        <v>44</v>
      </c>
      <c r="D116" s="42"/>
      <c r="E116" s="64">
        <v>9</v>
      </c>
      <c r="F116" s="26">
        <v>0</v>
      </c>
      <c r="G116" s="26">
        <v>0</v>
      </c>
      <c r="H116" s="35" t="s">
        <v>105</v>
      </c>
    </row>
    <row r="117" spans="2:8" x14ac:dyDescent="0.2">
      <c r="B117" s="43" t="s">
        <v>57</v>
      </c>
      <c r="C117" s="42" t="s">
        <v>44</v>
      </c>
      <c r="D117" s="42"/>
      <c r="E117" s="64">
        <v>6</v>
      </c>
      <c r="F117" s="26">
        <v>0</v>
      </c>
      <c r="G117" s="26">
        <v>0</v>
      </c>
      <c r="H117" s="35" t="s">
        <v>105</v>
      </c>
    </row>
    <row r="118" spans="2:8" x14ac:dyDescent="0.2">
      <c r="B118" s="43" t="s">
        <v>58</v>
      </c>
      <c r="C118" s="42" t="s">
        <v>44</v>
      </c>
      <c r="D118" s="42"/>
      <c r="E118" s="64">
        <v>11</v>
      </c>
      <c r="F118" s="26">
        <v>0</v>
      </c>
      <c r="G118" s="26">
        <v>0</v>
      </c>
      <c r="H118" s="35" t="s">
        <v>105</v>
      </c>
    </row>
    <row r="119" spans="2:8" x14ac:dyDescent="0.2">
      <c r="B119" s="43" t="s">
        <v>74</v>
      </c>
      <c r="C119" s="42" t="s">
        <v>44</v>
      </c>
      <c r="D119" s="42"/>
      <c r="E119" s="64">
        <v>5</v>
      </c>
      <c r="F119" s="26">
        <v>0</v>
      </c>
      <c r="G119" s="26">
        <v>1</v>
      </c>
      <c r="H119" s="35">
        <v>0.2</v>
      </c>
    </row>
    <row r="120" spans="2:8" x14ac:dyDescent="0.2">
      <c r="B120" s="43" t="s">
        <v>73</v>
      </c>
      <c r="C120" s="42" t="s">
        <v>44</v>
      </c>
      <c r="D120" s="42"/>
      <c r="E120" s="64">
        <v>14</v>
      </c>
      <c r="F120" s="26">
        <v>0</v>
      </c>
      <c r="G120" s="26">
        <v>0</v>
      </c>
      <c r="H120" s="35" t="s">
        <v>105</v>
      </c>
    </row>
    <row r="121" spans="2:8" x14ac:dyDescent="0.2">
      <c r="B121" s="43" t="s">
        <v>60</v>
      </c>
      <c r="C121" s="42" t="s">
        <v>44</v>
      </c>
      <c r="D121" s="42"/>
      <c r="E121" s="64">
        <v>9</v>
      </c>
      <c r="F121" s="26">
        <v>0</v>
      </c>
      <c r="G121" s="26">
        <v>1</v>
      </c>
      <c r="H121" s="35">
        <v>0.11</v>
      </c>
    </row>
    <row r="122" spans="2:8" x14ac:dyDescent="0.2">
      <c r="B122" s="43" t="s">
        <v>61</v>
      </c>
      <c r="C122" s="42" t="s">
        <v>44</v>
      </c>
      <c r="D122" s="42"/>
      <c r="E122" s="64">
        <v>11</v>
      </c>
      <c r="F122" s="26">
        <v>1</v>
      </c>
      <c r="G122" s="26">
        <v>0</v>
      </c>
      <c r="H122" s="35" t="s">
        <v>105</v>
      </c>
    </row>
    <row r="123" spans="2:8" x14ac:dyDescent="0.2">
      <c r="B123" s="43" t="s">
        <v>69</v>
      </c>
      <c r="C123" s="42" t="s">
        <v>44</v>
      </c>
      <c r="D123" s="42"/>
      <c r="E123" s="64">
        <v>2</v>
      </c>
      <c r="F123" s="26">
        <v>0</v>
      </c>
      <c r="G123" s="26">
        <v>1</v>
      </c>
      <c r="H123" s="35">
        <v>0.5</v>
      </c>
    </row>
    <row r="124" spans="2:8" x14ac:dyDescent="0.2">
      <c r="B124" s="43" t="s">
        <v>65</v>
      </c>
      <c r="C124" s="42" t="s">
        <v>44</v>
      </c>
      <c r="D124" s="42"/>
      <c r="E124" s="64">
        <v>5</v>
      </c>
      <c r="F124" s="26">
        <v>0</v>
      </c>
      <c r="G124" s="26">
        <v>0</v>
      </c>
      <c r="H124" s="35" t="s">
        <v>105</v>
      </c>
    </row>
    <row r="125" spans="2:8" x14ac:dyDescent="0.2">
      <c r="B125" s="43" t="s">
        <v>67</v>
      </c>
      <c r="C125" s="42" t="s">
        <v>44</v>
      </c>
      <c r="D125" s="42"/>
      <c r="E125" s="64">
        <v>3</v>
      </c>
      <c r="F125" s="26">
        <v>0</v>
      </c>
      <c r="G125" s="26">
        <v>0</v>
      </c>
      <c r="H125" s="35" t="s">
        <v>105</v>
      </c>
    </row>
    <row r="126" spans="2:8" x14ac:dyDescent="0.2">
      <c r="B126" s="43" t="s">
        <v>71</v>
      </c>
      <c r="C126" s="42" t="s">
        <v>44</v>
      </c>
      <c r="D126" s="42"/>
      <c r="E126" s="64">
        <v>10</v>
      </c>
      <c r="F126" s="26">
        <v>0</v>
      </c>
      <c r="G126" s="26">
        <v>0</v>
      </c>
      <c r="H126" s="35" t="s">
        <v>105</v>
      </c>
    </row>
    <row r="127" spans="2:8" x14ac:dyDescent="0.2">
      <c r="B127" s="53" t="s">
        <v>63</v>
      </c>
      <c r="C127" s="59" t="s">
        <v>44</v>
      </c>
      <c r="D127" s="59"/>
      <c r="E127" s="65">
        <v>6</v>
      </c>
      <c r="F127" s="38">
        <v>0</v>
      </c>
      <c r="G127" s="38">
        <v>0</v>
      </c>
      <c r="H127" s="36" t="s">
        <v>105</v>
      </c>
    </row>
    <row r="128" spans="2:8" x14ac:dyDescent="0.2">
      <c r="B128" s="80" t="s">
        <v>2</v>
      </c>
      <c r="C128" s="81"/>
      <c r="D128" s="82"/>
      <c r="E128" s="21">
        <v>135</v>
      </c>
      <c r="F128" s="21">
        <v>1</v>
      </c>
      <c r="G128" s="21">
        <v>5</v>
      </c>
      <c r="H128" s="73">
        <v>0.04</v>
      </c>
    </row>
    <row r="129" spans="2:8" ht="4.5" customHeight="1" x14ac:dyDescent="0.2">
      <c r="B129" s="16"/>
      <c r="C129" s="16"/>
      <c r="D129" s="16"/>
      <c r="E129" s="30"/>
      <c r="F129" s="19"/>
      <c r="G129" s="19"/>
      <c r="H129" s="31"/>
    </row>
    <row r="130" spans="2:8" x14ac:dyDescent="0.2">
      <c r="B130" s="83" t="s">
        <v>43</v>
      </c>
      <c r="C130" s="83"/>
      <c r="D130" s="83"/>
      <c r="E130" s="83"/>
      <c r="F130" s="83"/>
      <c r="G130" s="83"/>
      <c r="H130" s="83"/>
    </row>
    <row r="131" spans="2:8" x14ac:dyDescent="0.2">
      <c r="B131" s="27"/>
    </row>
    <row r="132" spans="2:8" x14ac:dyDescent="0.2">
      <c r="B132" s="27"/>
    </row>
  </sheetData>
  <mergeCells count="10">
    <mergeCell ref="B103:D103"/>
    <mergeCell ref="B128:D128"/>
    <mergeCell ref="B130:H130"/>
    <mergeCell ref="B78:D78"/>
    <mergeCell ref="A1:G1"/>
    <mergeCell ref="B21:D21"/>
    <mergeCell ref="B29:D29"/>
    <mergeCell ref="B60:D60"/>
    <mergeCell ref="B70:D70"/>
    <mergeCell ref="B88:D88"/>
  </mergeCells>
  <phoneticPr fontId="19"/>
  <printOptions horizontalCentered="1"/>
  <pageMargins left="0.39370078740157483" right="0.39370078740157483" top="0.39370078740157483" bottom="0.39370078740157483" header="0.27559055118110237" footer="0.19685039370078741"/>
  <pageSetup paperSize="9" scale="78" fitToHeight="0" orientation="portrait" r:id="rId1"/>
  <headerFooter alignWithMargins="0">
    <oddFooter>&amp;C&amp;P</oddFooter>
  </headerFooter>
  <rowBreaks count="1" manualBreakCount="1">
    <brk id="62" max="8"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3-05T05:03:41Z</cp:lastPrinted>
  <dcterms:created xsi:type="dcterms:W3CDTF">2012-03-11T23:27:04Z</dcterms:created>
  <dcterms:modified xsi:type="dcterms:W3CDTF">2025-03-05T08:38:41Z</dcterms:modified>
</cp:coreProperties>
</file>